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notesMasterIdLst>
    <p:notesMasterId r:id="rId4"/>
  </p:notesMasterIdLst>
  <p:sldIdLst>
    <p:sldId id="268" r:id="rId2"/>
    <p:sldId id="27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97" d="100"/>
          <a:sy n="97" d="100"/>
        </p:scale>
        <p:origin x="102" y="19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667B1C1-112D-4BA2-97EE-A2BBD62ECC78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EC61D25-273A-47B1-AB05-CB77AD7CBEF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267091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183CB9-C16E-AB03-3EE7-4E8CFA99D92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0F2C999-9BC4-2A60-2627-EC0CC9DEE098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E8E7BA9B-5581-7E00-03D4-D58E2524BF2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1241E9F-F2D8-79E4-DB99-80AF0E2B4F63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75CE90B-61E0-43BA-A0F4-9294F21C614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632699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7A1251-8411-F4AA-6D15-06B0B398140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0035BB-732E-828B-994E-9386721649C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6B49B0-66B2-238F-8BEF-BAB630E93D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2BECAD-7EA7-42AE-F8E7-B49D84593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BD2306-92C7-BAC7-DE3F-2390C16D82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72372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07664A-7FDB-DE17-7671-57C5B15067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6EE1A5-22B0-C339-AE93-943C56B8DD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24FC92-46E4-68A2-0795-B743720B10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BE9F3F-D2EC-5793-4C07-7505A87B5F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DB64F-56F2-9520-0ADE-CFA424227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232775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5A3C399-DA74-8353-60E6-BD9BFCC0D8B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16756FA-3280-3042-3B1F-A334BCF313E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273235-E34A-E501-6BD7-A8B8AB6B41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0F6BC2-4636-9B5E-1EC2-4C6100685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6BE013-9185-A452-19E2-C0E58B40F9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10422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CAE9B9-13ED-8204-7DE5-3C5399E3FD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94B205-161C-9229-13B9-61A1D1738F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638F0-6FDD-0356-A5D6-6830049005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E420C0-F2FA-4D92-5403-E0C3316416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A1CF6D-1381-9493-CB40-6372686F3B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37302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08FE27-7F3B-62FF-E470-C9B45EA3EB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E68B456-E0F2-1F4F-F700-6A7789917D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56B74D-BE38-B3A5-C919-B05375B912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5B648B-F6E1-67A4-CA2B-B704D84760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E5CE72-EC8D-00F7-BD72-F3DF0DBCDC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64126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5292FB-1270-A1C0-24CA-9C267B88DC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7BF17C-479B-8E78-B82D-A9041BC619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7E54115-F010-82DD-C5DF-60372EF7DAC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A85382-DAAD-FEBC-A9A4-ABC9A82A76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2B5AD2-9E27-94A4-2B1D-F0D57B09CA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4F9C17F-2219-7BF9-D658-4CA415D641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50126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4CEE69-94E1-7442-CFCD-CCDFFCC84C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282320-E4E9-1060-6881-5A9500FD48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5260147-2480-DFA4-DE0D-86C65FF23C7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9090D4E-004D-B571-DF06-1F34DC76D4C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CAB813-20F8-13B0-6B15-49637B281B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D2C953-F7C2-C751-493C-0E2865939C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85A9BA7-490F-8DCF-448B-E1B4C59270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171FE9A-2CA6-9A4D-7109-5C7A1AF239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94380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D04793-6233-5643-C685-D23ED89566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729040-F4E6-2483-3608-EC39B8A1E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44FDEB-2228-D6AB-506D-8DFCE0D596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C784D7E-2C31-0A80-9873-D96973599D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55074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0645691-C197-0114-0811-B86E7AC323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7F883F-A511-B3D4-3915-60EB36E97A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99F5584-F3A0-1C40-E185-2B5F2AFCE2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43318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21677-CB47-3285-5098-157742D47B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224C1-D628-D760-9C60-1F6FB06B99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F991245-274C-D9A8-E3A8-08ABE103CD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E9365B-F61E-2196-DC3B-22EB2371A2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C5BE751-A1CF-A0A0-E1FF-E30D2B9E1E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155756-2AE8-2032-189B-8DCB0EC37A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19773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F017A-3BBC-355C-0571-E162655BD9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01439D3-7DF3-279E-4608-8B612CE500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20DB7F6-4273-4A4D-9BA4-A48CBA37CC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4B636D-D779-A8F9-D99F-E27FF43E20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839DEA5-49E9-7F3D-4ED8-F0323E15AF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D3BE44-8CEE-28C0-75E9-59300976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42898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3875854-A558-AA52-FC38-091995671D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0475AB-7D2A-58B1-D6E3-9911CC6F4D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E8619-53B1-49E3-16B6-813262C7935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DE9D2504-DB88-425E-B185-6D51447844C2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962746D-4095-E6CF-41A8-D0C1B3CDCF0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93591A-0C94-D35D-25CC-0494D89E3D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59511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notesSlide" Target="../notesSlides/notesSlide1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image" Target="../media/image3.png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258" Type="http://schemas.openxmlformats.org/officeDocument/2006/relationships/tags" Target="../tags/tag2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19749E99-5800-9B27-7FE9-E057F3E7151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OTLSHAPE_SL2A_80f13eee7fc44490ba2526852af6b64e_BackgroundRectangle">
            <a:extLst>
              <a:ext uri="{FF2B5EF4-FFF2-40B4-BE49-F238E27FC236}">
                <a16:creationId xmlns:a16="http://schemas.microsoft.com/office/drawing/2014/main" id="{E081E370-7121-079A-90CA-72460989A97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63148" y="1305468"/>
            <a:ext cx="10490200" cy="772668"/>
          </a:xfrm>
          <a:prstGeom prst="rect">
            <a:avLst/>
          </a:prstGeom>
          <a:solidFill>
            <a:srgbClr val="2E2E2E">
              <a:alpha val="85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9" name="OTLSHAPE_SL2A_0b667c73b33b4dc48c5c30e4f8ba5bdc_BackgroundRectangle">
            <a:extLst>
              <a:ext uri="{FF2B5EF4-FFF2-40B4-BE49-F238E27FC236}">
                <a16:creationId xmlns:a16="http://schemas.microsoft.com/office/drawing/2014/main" id="{6ECAF916-0BA7-0EA8-FED5-C551500F3DA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63148" y="2116237"/>
            <a:ext cx="10490200" cy="379984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1" name="OTLSHAPE_SL2A_014d4578ef114e29a0fb686cc194aa43_BackgroundRectangle">
            <a:extLst>
              <a:ext uri="{FF2B5EF4-FFF2-40B4-BE49-F238E27FC236}">
                <a16:creationId xmlns:a16="http://schemas.microsoft.com/office/drawing/2014/main" id="{CE31EE26-75E7-A8CD-941D-AF076FCB785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63148" y="2496221"/>
            <a:ext cx="10490200" cy="279400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3" name="OTLSHAPE_SL2A_e6a52ea3582e4d6db3863e6a6b23b00c_BackgroundRectangle">
            <a:extLst>
              <a:ext uri="{FF2B5EF4-FFF2-40B4-BE49-F238E27FC236}">
                <a16:creationId xmlns:a16="http://schemas.microsoft.com/office/drawing/2014/main" id="{15040263-0963-548A-4BAD-1F6D7996522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63148" y="2813721"/>
            <a:ext cx="10490200" cy="643509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8" name="OTLSHAPE_SL2A_350270509b664ba986a32c76a8cf3d55_BackgroundRectangle">
            <a:extLst>
              <a:ext uri="{FF2B5EF4-FFF2-40B4-BE49-F238E27FC236}">
                <a16:creationId xmlns:a16="http://schemas.microsoft.com/office/drawing/2014/main" id="{68D71BA3-EE0E-6204-90A9-91251D25F11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63148" y="3495330"/>
            <a:ext cx="10490200" cy="279400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0" name="OTLSHAPE_SL2A_e5a82816376542368e7fa2e47d62c43f_BackgroundRectangle">
            <a:extLst>
              <a:ext uri="{FF2B5EF4-FFF2-40B4-BE49-F238E27FC236}">
                <a16:creationId xmlns:a16="http://schemas.microsoft.com/office/drawing/2014/main" id="{15D86EEC-C54B-BCEF-4343-448E1FD4BD7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63148" y="3774730"/>
            <a:ext cx="10490200" cy="279400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2" name="OTLSHAPE_SL2A_b4af84721de54ef18b21f04dfbe1020e_BackgroundRectangle">
            <a:extLst>
              <a:ext uri="{FF2B5EF4-FFF2-40B4-BE49-F238E27FC236}">
                <a16:creationId xmlns:a16="http://schemas.microsoft.com/office/drawing/2014/main" id="{851A6C97-E2E3-2CD4-5C23-F5B1ED3813E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63148" y="4054130"/>
            <a:ext cx="10490200" cy="279400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4" name="OTLSHAPE_SL2A_b9cbda38e59949a482a8924cd9523a59_BackgroundRectangle">
            <a:extLst>
              <a:ext uri="{FF2B5EF4-FFF2-40B4-BE49-F238E27FC236}">
                <a16:creationId xmlns:a16="http://schemas.microsoft.com/office/drawing/2014/main" id="{B539F1CB-3755-3EE7-8D24-29824A3141F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63148" y="4371630"/>
            <a:ext cx="10490200" cy="279400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6" name="OTLSHAPE_SL2A_c981131bb28044d19075bdca28e61561_BackgroundRectangle">
            <a:extLst>
              <a:ext uri="{FF2B5EF4-FFF2-40B4-BE49-F238E27FC236}">
                <a16:creationId xmlns:a16="http://schemas.microsoft.com/office/drawing/2014/main" id="{5DAF899C-392C-59D5-48F4-685476B6C01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63148" y="4651030"/>
            <a:ext cx="10490200" cy="279400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8" name="OTLSHAPE_SL2A_215eae433fd148458545e9770aee3eb8_BackgroundRectangle">
            <a:extLst>
              <a:ext uri="{FF2B5EF4-FFF2-40B4-BE49-F238E27FC236}">
                <a16:creationId xmlns:a16="http://schemas.microsoft.com/office/drawing/2014/main" id="{7701C7C4-614F-0D5C-D4DC-C40A1EB3AD2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63148" y="4968530"/>
            <a:ext cx="10490200" cy="279400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0" name="OTLSHAPE_SL2A_15fb1f3b020d4cfe869398b4163ef3e4_BackgroundRectangle">
            <a:extLst>
              <a:ext uri="{FF2B5EF4-FFF2-40B4-BE49-F238E27FC236}">
                <a16:creationId xmlns:a16="http://schemas.microsoft.com/office/drawing/2014/main" id="{6DF71F18-23C2-5DCE-197D-1ACD7C733D7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63148" y="5247930"/>
            <a:ext cx="10490200" cy="728768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8" name="OTLSHAPE_SL2A_d9081401579b4da2932c8edd2a424ee9_BackgroundRectangle">
            <a:extLst>
              <a:ext uri="{FF2B5EF4-FFF2-40B4-BE49-F238E27FC236}">
                <a16:creationId xmlns:a16="http://schemas.microsoft.com/office/drawing/2014/main" id="{6439AC2B-6782-4686-E346-50859C3961E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63148" y="6014798"/>
            <a:ext cx="10490200" cy="572262"/>
          </a:xfrm>
          <a:prstGeom prst="rect">
            <a:avLst/>
          </a:prstGeom>
          <a:solidFill>
            <a:srgbClr val="2E2E2E">
              <a:alpha val="8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9" name="OTLSHAPE_SL_3d82bf514e894df29e710716e170b663_BackgroundRectangle" hidden="1">
            <a:extLst>
              <a:ext uri="{FF2B5EF4-FFF2-40B4-BE49-F238E27FC236}">
                <a16:creationId xmlns:a16="http://schemas.microsoft.com/office/drawing/2014/main" id="{1D669620-E5B9-C40A-7F2F-3758BEFCAD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1305468"/>
            <a:ext cx="11290300" cy="77266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2" name="OTLSHAPE_SL_a52589c27c054dc88d044a5b938264dd_BackgroundRectangle" hidden="1">
            <a:extLst>
              <a:ext uri="{FF2B5EF4-FFF2-40B4-BE49-F238E27FC236}">
                <a16:creationId xmlns:a16="http://schemas.microsoft.com/office/drawing/2014/main" id="{A8E215E0-095F-7507-BDE9-C347324A3D1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116237"/>
            <a:ext cx="11290300" cy="659384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" name="OTLSHAPE_SL_bfc6dc0fa1b64c1baa3926da188fa877_BackgroundRectangle" hidden="1">
            <a:extLst>
              <a:ext uri="{FF2B5EF4-FFF2-40B4-BE49-F238E27FC236}">
                <a16:creationId xmlns:a16="http://schemas.microsoft.com/office/drawing/2014/main" id="{64C87316-679B-0B2D-003E-1AFF14C595A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813721"/>
            <a:ext cx="11290300" cy="643509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6" name="OTLSHAPE_SL_f81d36001a8b43fd9fd6597c141a0660_BackgroundRectangle" hidden="1">
            <a:extLst>
              <a:ext uri="{FF2B5EF4-FFF2-40B4-BE49-F238E27FC236}">
                <a16:creationId xmlns:a16="http://schemas.microsoft.com/office/drawing/2014/main" id="{C6E347CC-7CCB-1117-488F-BABAD362CDF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495330"/>
            <a:ext cx="11290300" cy="838200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7" name="OTLSHAPE_SL_1353a315cf594e33894a99b04246c1e3_BackgroundRectangle" hidden="1">
            <a:extLst>
              <a:ext uri="{FF2B5EF4-FFF2-40B4-BE49-F238E27FC236}">
                <a16:creationId xmlns:a16="http://schemas.microsoft.com/office/drawing/2014/main" id="{96664126-165B-AAD7-8D47-923BFD0C645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371630"/>
            <a:ext cx="11290300" cy="558800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8" name="OTLSHAPE_SL_755c6bd60eb646848fb4543b43cf7cd3_BackgroundRectangle" hidden="1">
            <a:extLst>
              <a:ext uri="{FF2B5EF4-FFF2-40B4-BE49-F238E27FC236}">
                <a16:creationId xmlns:a16="http://schemas.microsoft.com/office/drawing/2014/main" id="{E5432F29-EB42-FEE4-99BD-6F2F5C25591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4968530"/>
            <a:ext cx="11290300" cy="100816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9" name="OTLSHAPE_SL_4cb1fbfd4f63471ea1f0b3de84b07b0e_BackgroundRectangle" hidden="1">
            <a:extLst>
              <a:ext uri="{FF2B5EF4-FFF2-40B4-BE49-F238E27FC236}">
                <a16:creationId xmlns:a16="http://schemas.microsoft.com/office/drawing/2014/main" id="{311936E1-7177-6505-B3BF-57C4E2AAE8F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6014798"/>
            <a:ext cx="11290300" cy="572262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CAB21E05-185D-9FD2-3EF7-42503098FAAB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1474534" y="935814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 dirty="0">
                <a:ln>
                  <a:noFill/>
                </a:ln>
                <a:solidFill>
                  <a:srgbClr val="A483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157C3B72-5244-3518-5253-457C611409E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cxnSp>
        <p:nvCxnSpPr>
          <p:cNvPr id="204" name="OTLSHAPE_SL2AL_00000000000000000000000000000000_ShapeBelow0">
            <a:extLst>
              <a:ext uri="{FF2B5EF4-FFF2-40B4-BE49-F238E27FC236}">
                <a16:creationId xmlns:a16="http://schemas.microsoft.com/office/drawing/2014/main" id="{EABCF783-729F-C1A3-FF4E-3796234039C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63148" y="2496221"/>
            <a:ext cx="10484386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SL2AL_00000000000000000000000000000000_ShapeBelow1">
            <a:extLst>
              <a:ext uri="{FF2B5EF4-FFF2-40B4-BE49-F238E27FC236}">
                <a16:creationId xmlns:a16="http://schemas.microsoft.com/office/drawing/2014/main" id="{1DE76375-B2E1-020A-234B-908B5A7DDA8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63148" y="3774730"/>
            <a:ext cx="10484386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SL2AL_00000000000000000000000000000000_ShapeBelow2">
            <a:extLst>
              <a:ext uri="{FF2B5EF4-FFF2-40B4-BE49-F238E27FC236}">
                <a16:creationId xmlns:a16="http://schemas.microsoft.com/office/drawing/2014/main" id="{7FF418D9-ECC6-D02B-6051-7A63122E918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63148" y="4054130"/>
            <a:ext cx="10484386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SL2AL_00000000000000000000000000000000_ShapeBelow3">
            <a:extLst>
              <a:ext uri="{FF2B5EF4-FFF2-40B4-BE49-F238E27FC236}">
                <a16:creationId xmlns:a16="http://schemas.microsoft.com/office/drawing/2014/main" id="{DAC953CC-F656-3E62-0A08-CF454D410A3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63148" y="4651030"/>
            <a:ext cx="10484386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SL2AL_00000000000000000000000000000000_ShapeBelow4">
            <a:extLst>
              <a:ext uri="{FF2B5EF4-FFF2-40B4-BE49-F238E27FC236}">
                <a16:creationId xmlns:a16="http://schemas.microsoft.com/office/drawing/2014/main" id="{E3555F85-9DB0-0E76-33FE-4A6F39098ED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63148" y="5247930"/>
            <a:ext cx="10484386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7" name="OTLSHAPE_D_e28f59d587194e6b934e2d5cd44406c5_Line">
            <a:extLst>
              <a:ext uri="{FF2B5EF4-FFF2-40B4-BE49-F238E27FC236}">
                <a16:creationId xmlns:a16="http://schemas.microsoft.com/office/drawing/2014/main" id="{CF492F7B-E832-BE02-FDF3-5DE25287432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149065" y="1885012"/>
            <a:ext cx="141516" cy="487850"/>
          </a:xfrm>
          <a:custGeom>
            <a:avLst/>
            <a:gdLst/>
            <a:ahLst/>
            <a:cxnLst/>
            <a:rect l="0" t="0" r="0" b="0"/>
            <a:pathLst>
              <a:path w="141516" h="487850">
                <a:moveTo>
                  <a:pt x="0" y="0"/>
                </a:moveTo>
                <a:lnTo>
                  <a:pt x="0" y="449749"/>
                </a:lnTo>
                <a:cubicBezTo>
                  <a:pt x="0" y="487849"/>
                  <a:pt x="38100" y="487849"/>
                  <a:pt x="38100" y="487849"/>
                </a:cubicBezTo>
                <a:lnTo>
                  <a:pt x="141515" y="487849"/>
                </a:lnTo>
              </a:path>
            </a:pathLst>
          </a:custGeom>
          <a:ln w="12700" cap="flat" cmpd="sng" algn="ctr">
            <a:solidFill>
              <a:srgbClr val="FFCC00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D_6a82c74b523540138ad4632ab4839350_Line">
            <a:extLst>
              <a:ext uri="{FF2B5EF4-FFF2-40B4-BE49-F238E27FC236}">
                <a16:creationId xmlns:a16="http://schemas.microsoft.com/office/drawing/2014/main" id="{85F4F14E-A66F-9100-7A82-49403689C8E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965568" y="2372861"/>
            <a:ext cx="160446" cy="246720"/>
          </a:xfrm>
          <a:custGeom>
            <a:avLst/>
            <a:gdLst/>
            <a:ahLst/>
            <a:cxnLst/>
            <a:rect l="0" t="0" r="0" b="0"/>
            <a:pathLst>
              <a:path w="160446" h="246720">
                <a:moveTo>
                  <a:pt x="103295" y="0"/>
                </a:moveTo>
                <a:lnTo>
                  <a:pt x="122345" y="0"/>
                </a:lnTo>
                <a:cubicBezTo>
                  <a:pt x="160445" y="0"/>
                  <a:pt x="160445" y="38100"/>
                  <a:pt x="160445" y="38100"/>
                </a:cubicBezTo>
                <a:lnTo>
                  <a:pt x="160445" y="66210"/>
                </a:lnTo>
                <a:cubicBezTo>
                  <a:pt x="160445" y="104310"/>
                  <a:pt x="122345" y="104310"/>
                  <a:pt x="122345" y="104310"/>
                </a:cubicBezTo>
                <a:lnTo>
                  <a:pt x="38100" y="104310"/>
                </a:lnTo>
                <a:cubicBezTo>
                  <a:pt x="0" y="104310"/>
                  <a:pt x="0" y="142410"/>
                  <a:pt x="0" y="142410"/>
                </a:cubicBezTo>
                <a:lnTo>
                  <a:pt x="0" y="208619"/>
                </a:lnTo>
                <a:cubicBezTo>
                  <a:pt x="0" y="246719"/>
                  <a:pt x="38100" y="246719"/>
                  <a:pt x="38100" y="246719"/>
                </a:cubicBezTo>
                <a:lnTo>
                  <a:pt x="103344" y="246719"/>
                </a:lnTo>
              </a:path>
            </a:pathLst>
          </a:custGeom>
          <a:ln w="12700" cap="flat" cmpd="sng" algn="ctr">
            <a:solidFill>
              <a:srgbClr val="FFCC00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65" name="OTLSHAPE_D_396444eda2b6440c88a8da04d2af93f8_Line">
            <a:extLst>
              <a:ext uri="{FF2B5EF4-FFF2-40B4-BE49-F238E27FC236}">
                <a16:creationId xmlns:a16="http://schemas.microsoft.com/office/drawing/2014/main" id="{AADF2502-F1AB-5771-805B-AE52589C162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088293" y="3618689"/>
            <a:ext cx="160445" cy="279401"/>
          </a:xfrm>
          <a:custGeom>
            <a:avLst/>
            <a:gdLst/>
            <a:ahLst/>
            <a:cxnLst/>
            <a:rect l="0" t="0" r="0" b="0"/>
            <a:pathLst>
              <a:path w="160445" h="279401">
                <a:moveTo>
                  <a:pt x="103294" y="0"/>
                </a:moveTo>
                <a:lnTo>
                  <a:pt x="122344" y="0"/>
                </a:lnTo>
                <a:cubicBezTo>
                  <a:pt x="160444" y="0"/>
                  <a:pt x="160444" y="38100"/>
                  <a:pt x="160444" y="38100"/>
                </a:cubicBezTo>
                <a:lnTo>
                  <a:pt x="160444" y="82550"/>
                </a:lnTo>
                <a:cubicBezTo>
                  <a:pt x="160444" y="120650"/>
                  <a:pt x="122344" y="120650"/>
                  <a:pt x="122344" y="120650"/>
                </a:cubicBezTo>
                <a:lnTo>
                  <a:pt x="38100" y="120650"/>
                </a:lnTo>
                <a:cubicBezTo>
                  <a:pt x="0" y="120650"/>
                  <a:pt x="0" y="158750"/>
                  <a:pt x="0" y="158750"/>
                </a:cubicBezTo>
                <a:lnTo>
                  <a:pt x="0" y="241300"/>
                </a:lnTo>
                <a:cubicBezTo>
                  <a:pt x="0" y="279400"/>
                  <a:pt x="38100" y="279400"/>
                  <a:pt x="38100" y="279400"/>
                </a:cubicBezTo>
                <a:lnTo>
                  <a:pt x="103343" y="279400"/>
                </a:lnTo>
              </a:path>
            </a:pathLst>
          </a:custGeom>
          <a:ln w="12700" cap="flat" cmpd="sng" algn="ctr">
            <a:solidFill>
              <a:srgbClr val="FFCC00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66" name="OTLSHAPE_D_8f69c369a59949889c6dbc1bac02e5cd_Line">
            <a:extLst>
              <a:ext uri="{FF2B5EF4-FFF2-40B4-BE49-F238E27FC236}">
                <a16:creationId xmlns:a16="http://schemas.microsoft.com/office/drawing/2014/main" id="{4EBF6314-0590-5504-89FE-E4C404FCAC6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503442" y="4177489"/>
            <a:ext cx="160445" cy="317501"/>
          </a:xfrm>
          <a:custGeom>
            <a:avLst/>
            <a:gdLst/>
            <a:ahLst/>
            <a:cxnLst/>
            <a:rect l="0" t="0" r="0" b="0"/>
            <a:pathLst>
              <a:path w="160445" h="317501">
                <a:moveTo>
                  <a:pt x="103294" y="0"/>
                </a:moveTo>
                <a:lnTo>
                  <a:pt x="122344" y="0"/>
                </a:lnTo>
                <a:cubicBezTo>
                  <a:pt x="160444" y="0"/>
                  <a:pt x="160444" y="38100"/>
                  <a:pt x="160444" y="38100"/>
                </a:cubicBezTo>
                <a:lnTo>
                  <a:pt x="160444" y="82550"/>
                </a:lnTo>
                <a:cubicBezTo>
                  <a:pt x="160444" y="120650"/>
                  <a:pt x="122344" y="120650"/>
                  <a:pt x="122344" y="120650"/>
                </a:cubicBezTo>
                <a:lnTo>
                  <a:pt x="38100" y="120650"/>
                </a:lnTo>
                <a:cubicBezTo>
                  <a:pt x="0" y="120650"/>
                  <a:pt x="0" y="158750"/>
                  <a:pt x="0" y="158750"/>
                </a:cubicBezTo>
                <a:lnTo>
                  <a:pt x="0" y="279400"/>
                </a:lnTo>
                <a:cubicBezTo>
                  <a:pt x="0" y="317500"/>
                  <a:pt x="38100" y="317500"/>
                  <a:pt x="38100" y="317500"/>
                </a:cubicBezTo>
                <a:lnTo>
                  <a:pt x="103343" y="317500"/>
                </a:lnTo>
              </a:path>
            </a:pathLst>
          </a:custGeom>
          <a:ln w="12700" cap="flat" cmpd="sng" algn="ctr">
            <a:solidFill>
              <a:srgbClr val="FFCC00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89" name="OTLSHAPE_D_473956d9c50f40aca093fade7e379f77_Line">
            <a:extLst>
              <a:ext uri="{FF2B5EF4-FFF2-40B4-BE49-F238E27FC236}">
                <a16:creationId xmlns:a16="http://schemas.microsoft.com/office/drawing/2014/main" id="{D9354AA9-D479-73C2-1FB5-4887C40ED2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154005" y="5091889"/>
            <a:ext cx="990605" cy="509779"/>
          </a:xfrm>
          <a:custGeom>
            <a:avLst/>
            <a:gdLst/>
            <a:ahLst/>
            <a:cxnLst/>
            <a:rect l="0" t="0" r="0" b="0"/>
            <a:pathLst>
              <a:path w="990605" h="509779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82550"/>
                </a:lnTo>
                <a:cubicBezTo>
                  <a:pt x="57150" y="120650"/>
                  <a:pt x="95250" y="120650"/>
                  <a:pt x="95250" y="120650"/>
                </a:cubicBezTo>
                <a:lnTo>
                  <a:pt x="952504" y="120650"/>
                </a:lnTo>
                <a:cubicBezTo>
                  <a:pt x="990604" y="120650"/>
                  <a:pt x="990604" y="158750"/>
                  <a:pt x="990604" y="158750"/>
                </a:cubicBezTo>
                <a:lnTo>
                  <a:pt x="990604" y="509778"/>
                </a:lnTo>
              </a:path>
            </a:pathLst>
          </a:custGeom>
          <a:ln w="12700" cap="flat" cmpd="sng" algn="ctr">
            <a:solidFill>
              <a:srgbClr val="FFCC00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" name="OTLSHAPE_D_3a22b1b1240d4f5283f7744abcd70e33_Line">
            <a:extLst>
              <a:ext uri="{FF2B5EF4-FFF2-40B4-BE49-F238E27FC236}">
                <a16:creationId xmlns:a16="http://schemas.microsoft.com/office/drawing/2014/main" id="{B8A8D713-4CB5-1C34-84C8-C9CEEC264E1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144609" y="5779467"/>
            <a:ext cx="283080" cy="350944"/>
          </a:xfrm>
          <a:custGeom>
            <a:avLst/>
            <a:gdLst/>
            <a:ahLst/>
            <a:cxnLst/>
            <a:rect l="0" t="0" r="0" b="0"/>
            <a:pathLst>
              <a:path w="283080" h="350944">
                <a:moveTo>
                  <a:pt x="0" y="0"/>
                </a:moveTo>
                <a:lnTo>
                  <a:pt x="0" y="140081"/>
                </a:lnTo>
                <a:cubicBezTo>
                  <a:pt x="0" y="178181"/>
                  <a:pt x="38100" y="178181"/>
                  <a:pt x="38100" y="178181"/>
                </a:cubicBezTo>
                <a:lnTo>
                  <a:pt x="141636" y="178181"/>
                </a:lnTo>
                <a:cubicBezTo>
                  <a:pt x="179736" y="178181"/>
                  <a:pt x="179736" y="216281"/>
                  <a:pt x="179736" y="216281"/>
                </a:cubicBezTo>
                <a:lnTo>
                  <a:pt x="179736" y="312843"/>
                </a:lnTo>
                <a:cubicBezTo>
                  <a:pt x="179736" y="350943"/>
                  <a:pt x="217836" y="350943"/>
                  <a:pt x="217836" y="350943"/>
                </a:cubicBezTo>
                <a:lnTo>
                  <a:pt x="283079" y="350943"/>
                </a:lnTo>
              </a:path>
            </a:pathLst>
          </a:custGeom>
          <a:ln w="12700" cap="flat" cmpd="sng" algn="ctr">
            <a:solidFill>
              <a:srgbClr val="FFCC00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TB_00000000000000000000000000000000_ScaleContainer">
            <a:extLst>
              <a:ext uri="{FF2B5EF4-FFF2-40B4-BE49-F238E27FC236}">
                <a16:creationId xmlns:a16="http://schemas.microsoft.com/office/drawing/2014/main" id="{3978A78E-752E-0B33-D1B7-F05A2AE793D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936793" y="883321"/>
            <a:ext cx="9423400" cy="182880"/>
          </a:xfrm>
          <a:prstGeom prst="round2SameRect">
            <a:avLst/>
          </a:prstGeom>
          <a:solidFill>
            <a:srgbClr val="A8A8A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" name="OTLSHAPE_SL_3d82bf514e894df29e710716e170b663_HeaderRectangle">
            <a:extLst>
              <a:ext uri="{FF2B5EF4-FFF2-40B4-BE49-F238E27FC236}">
                <a16:creationId xmlns:a16="http://schemas.microsoft.com/office/drawing/2014/main" id="{6F16AC4D-C4A8-B2EF-28E2-18D0617BE6C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3500" y="1305468"/>
            <a:ext cx="800100" cy="772668"/>
          </a:xfrm>
          <a:prstGeom prst="rect">
            <a:avLst/>
          </a:prstGeom>
          <a:solidFill>
            <a:srgbClr val="A8A8A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" name="OTLSHAPE_SL_a52589c27c054dc88d044a5b938264dd_HeaderRectangle">
            <a:extLst>
              <a:ext uri="{FF2B5EF4-FFF2-40B4-BE49-F238E27FC236}">
                <a16:creationId xmlns:a16="http://schemas.microsoft.com/office/drawing/2014/main" id="{860CACD8-778E-9FFF-EC3A-D8F393F7647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500" y="2116237"/>
            <a:ext cx="800100" cy="659384"/>
          </a:xfrm>
          <a:prstGeom prst="rect">
            <a:avLst/>
          </a:prstGeom>
          <a:solidFill>
            <a:srgbClr val="A8A8A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4" name="OTLSHAPE_SL_bfc6dc0fa1b64c1baa3926da188fa877_HeaderRectangle">
            <a:extLst>
              <a:ext uri="{FF2B5EF4-FFF2-40B4-BE49-F238E27FC236}">
                <a16:creationId xmlns:a16="http://schemas.microsoft.com/office/drawing/2014/main" id="{2A966540-475D-8F70-4B64-78CED3E1360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3500" y="2813721"/>
            <a:ext cx="800100" cy="643509"/>
          </a:xfrm>
          <a:prstGeom prst="rect">
            <a:avLst/>
          </a:prstGeom>
          <a:solidFill>
            <a:srgbClr val="A8A8A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7" name="OTLSHAPE_SL_f81d36001a8b43fd9fd6597c141a0660_HeaderRectangle">
            <a:extLst>
              <a:ext uri="{FF2B5EF4-FFF2-40B4-BE49-F238E27FC236}">
                <a16:creationId xmlns:a16="http://schemas.microsoft.com/office/drawing/2014/main" id="{5904CA5A-814B-B0D3-BE19-320D9D6D9E9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3500" y="3495330"/>
            <a:ext cx="800100" cy="838200"/>
          </a:xfrm>
          <a:prstGeom prst="rect">
            <a:avLst/>
          </a:prstGeom>
          <a:solidFill>
            <a:srgbClr val="A8A8A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0" name="OTLSHAPE_SL_1353a315cf594e33894a99b04246c1e3_HeaderRectangle">
            <a:extLst>
              <a:ext uri="{FF2B5EF4-FFF2-40B4-BE49-F238E27FC236}">
                <a16:creationId xmlns:a16="http://schemas.microsoft.com/office/drawing/2014/main" id="{1962C4AB-5870-8118-3EF4-266AAE5018D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500" y="4371630"/>
            <a:ext cx="800100" cy="558800"/>
          </a:xfrm>
          <a:prstGeom prst="rect">
            <a:avLst/>
          </a:prstGeom>
          <a:solidFill>
            <a:srgbClr val="A8A8A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" name="OTLSHAPE_SL_755c6bd60eb646848fb4543b43cf7cd3_HeaderRectangle">
            <a:extLst>
              <a:ext uri="{FF2B5EF4-FFF2-40B4-BE49-F238E27FC236}">
                <a16:creationId xmlns:a16="http://schemas.microsoft.com/office/drawing/2014/main" id="{11656118-792B-7614-914A-BCA4FDE3235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3500" y="4968530"/>
            <a:ext cx="800100" cy="1008168"/>
          </a:xfrm>
          <a:prstGeom prst="rect">
            <a:avLst/>
          </a:prstGeom>
          <a:solidFill>
            <a:srgbClr val="A8A8A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6" name="OTLSHAPE_SL_4cb1fbfd4f63471ea1f0b3de84b07b0e_HeaderRectangle">
            <a:extLst>
              <a:ext uri="{FF2B5EF4-FFF2-40B4-BE49-F238E27FC236}">
                <a16:creationId xmlns:a16="http://schemas.microsoft.com/office/drawing/2014/main" id="{1BC64572-D57A-C831-C5F1-C335743C3D7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3500" y="6014798"/>
            <a:ext cx="800100" cy="572262"/>
          </a:xfrm>
          <a:prstGeom prst="rect">
            <a:avLst/>
          </a:prstGeom>
          <a:solidFill>
            <a:srgbClr val="A8A8A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2" name="OTLSHAPE_SL2A_80f13eee7fc44490ba2526852af6b64e_HeaderRectangle">
            <a:extLst>
              <a:ext uri="{FF2B5EF4-FFF2-40B4-BE49-F238E27FC236}">
                <a16:creationId xmlns:a16="http://schemas.microsoft.com/office/drawing/2014/main" id="{7A23F5D8-D114-38DB-3E97-441F7A846FF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63148" y="1305468"/>
            <a:ext cx="952500" cy="772668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7" name="OTLSHAPE_SL2A_0b667c73b33b4dc48c5c30e4f8ba5bdc_HeaderRectangle">
            <a:extLst>
              <a:ext uri="{FF2B5EF4-FFF2-40B4-BE49-F238E27FC236}">
                <a16:creationId xmlns:a16="http://schemas.microsoft.com/office/drawing/2014/main" id="{A777FEFD-E9E9-5D8E-BC0A-5DABC55A376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63148" y="2116237"/>
            <a:ext cx="952500" cy="379984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9" name="OTLSHAPE_SL2A_014d4578ef114e29a0fb686cc194aa43_HeaderRectangle">
            <a:extLst>
              <a:ext uri="{FF2B5EF4-FFF2-40B4-BE49-F238E27FC236}">
                <a16:creationId xmlns:a16="http://schemas.microsoft.com/office/drawing/2014/main" id="{B0351D5E-8A6B-345C-A104-CF1C1C12117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63148" y="2496221"/>
            <a:ext cx="952500" cy="279400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1" name="OTLSHAPE_SL2A_e6a52ea3582e4d6db3863e6a6b23b00c_HeaderRectangle">
            <a:extLst>
              <a:ext uri="{FF2B5EF4-FFF2-40B4-BE49-F238E27FC236}">
                <a16:creationId xmlns:a16="http://schemas.microsoft.com/office/drawing/2014/main" id="{D207B6C6-4F3B-DF85-E0A6-EDABE11B5CE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63148" y="2813721"/>
            <a:ext cx="952500" cy="643509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6" name="OTLSHAPE_SL2A_350270509b664ba986a32c76a8cf3d55_HeaderRectangle">
            <a:extLst>
              <a:ext uri="{FF2B5EF4-FFF2-40B4-BE49-F238E27FC236}">
                <a16:creationId xmlns:a16="http://schemas.microsoft.com/office/drawing/2014/main" id="{CDF7B519-AF29-3CFD-001C-821E42E3A34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63148" y="3495330"/>
            <a:ext cx="952500" cy="279400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8" name="OTLSHAPE_SL2A_e5a82816376542368e7fa2e47d62c43f_HeaderRectangle">
            <a:extLst>
              <a:ext uri="{FF2B5EF4-FFF2-40B4-BE49-F238E27FC236}">
                <a16:creationId xmlns:a16="http://schemas.microsoft.com/office/drawing/2014/main" id="{0090444E-0A95-CCFF-FD32-C92D7713702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63148" y="3774730"/>
            <a:ext cx="952500" cy="279400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0" name="OTLSHAPE_SL2A_b4af84721de54ef18b21f04dfbe1020e_HeaderRectangle">
            <a:extLst>
              <a:ext uri="{FF2B5EF4-FFF2-40B4-BE49-F238E27FC236}">
                <a16:creationId xmlns:a16="http://schemas.microsoft.com/office/drawing/2014/main" id="{CB922A8B-E49D-4F7D-4576-E3627CF448F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63148" y="4054130"/>
            <a:ext cx="952500" cy="279400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2" name="OTLSHAPE_SL2A_b9cbda38e59949a482a8924cd9523a59_HeaderRectangle">
            <a:extLst>
              <a:ext uri="{FF2B5EF4-FFF2-40B4-BE49-F238E27FC236}">
                <a16:creationId xmlns:a16="http://schemas.microsoft.com/office/drawing/2014/main" id="{A6140360-C4F0-F55A-31FE-07186495171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63148" y="4371630"/>
            <a:ext cx="952500" cy="279400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4" name="OTLSHAPE_SL2A_c981131bb28044d19075bdca28e61561_HeaderRectangle">
            <a:extLst>
              <a:ext uri="{FF2B5EF4-FFF2-40B4-BE49-F238E27FC236}">
                <a16:creationId xmlns:a16="http://schemas.microsoft.com/office/drawing/2014/main" id="{BF92F7BC-4CA5-3706-C4E2-A6C350C96D5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63148" y="4651030"/>
            <a:ext cx="952500" cy="279400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6" name="OTLSHAPE_SL2A_215eae433fd148458545e9770aee3eb8_HeaderRectangle">
            <a:extLst>
              <a:ext uri="{FF2B5EF4-FFF2-40B4-BE49-F238E27FC236}">
                <a16:creationId xmlns:a16="http://schemas.microsoft.com/office/drawing/2014/main" id="{A1EF4554-9DBA-2EE0-ACD9-73D9FCE7D13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63148" y="4968530"/>
            <a:ext cx="952500" cy="279400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8" name="OTLSHAPE_SL2A_15fb1f3b020d4cfe869398b4163ef3e4_HeaderRectangle">
            <a:extLst>
              <a:ext uri="{FF2B5EF4-FFF2-40B4-BE49-F238E27FC236}">
                <a16:creationId xmlns:a16="http://schemas.microsoft.com/office/drawing/2014/main" id="{06FDAD69-320A-155E-2B01-80C1276142F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63148" y="5247930"/>
            <a:ext cx="952500" cy="728768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6" name="OTLSHAPE_SL2A_d9081401579b4da2932c8edd2a424ee9_HeaderRectangle">
            <a:extLst>
              <a:ext uri="{FF2B5EF4-FFF2-40B4-BE49-F238E27FC236}">
                <a16:creationId xmlns:a16="http://schemas.microsoft.com/office/drawing/2014/main" id="{48114888-261E-10F7-699E-1FB9A13BDAD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63148" y="6014798"/>
            <a:ext cx="952500" cy="572262"/>
          </a:xfrm>
          <a:prstGeom prst="rect">
            <a:avLst/>
          </a:prstGeom>
          <a:solidFill>
            <a:srgbClr val="A8A8A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1" name="OTLSHAPE_TB_00000000000000000000000000000000_MiddleScaleContainer">
            <a:extLst>
              <a:ext uri="{FF2B5EF4-FFF2-40B4-BE49-F238E27FC236}">
                <a16:creationId xmlns:a16="http://schemas.microsoft.com/office/drawing/2014/main" id="{F14534A0-DC78-7440-A8BB-CDD7F7B4CC0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936793" y="1075345"/>
            <a:ext cx="94234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A8A8A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6FDEBB61-C97D-C66C-71DF-72CBABFCB30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936793" y="883321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E1A32C32-9EB8-63D6-E3BD-D97A343B5C18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2432094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A432068D-5158-1300-1486-BAF1BFBF7382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2927397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679E5C4C-637E-BF36-30BB-89862A2575AB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3422699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3">
            <a:extLst>
              <a:ext uri="{FF2B5EF4-FFF2-40B4-BE49-F238E27FC236}">
                <a16:creationId xmlns:a16="http://schemas.microsoft.com/office/drawing/2014/main" id="{E29FDDD1-4B92-9CB0-003C-B12A4B1B9E5C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3918001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G_00000000000000000000000000000000_ShapeBelow4">
            <a:extLst>
              <a:ext uri="{FF2B5EF4-FFF2-40B4-BE49-F238E27FC236}">
                <a16:creationId xmlns:a16="http://schemas.microsoft.com/office/drawing/2014/main" id="{63E51C3B-631F-2A59-01BA-7FA61F1C8312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4413303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G_00000000000000000000000000000000_ShapeBelow5">
            <a:extLst>
              <a:ext uri="{FF2B5EF4-FFF2-40B4-BE49-F238E27FC236}">
                <a16:creationId xmlns:a16="http://schemas.microsoft.com/office/drawing/2014/main" id="{F5649533-529F-4287-A4AC-20015A932922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4908605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G_00000000000000000000000000000000_ShapeBelow6">
            <a:extLst>
              <a:ext uri="{FF2B5EF4-FFF2-40B4-BE49-F238E27FC236}">
                <a16:creationId xmlns:a16="http://schemas.microsoft.com/office/drawing/2014/main" id="{790C30E3-6ED3-A135-26D6-030EBACDD957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5403908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G_00000000000000000000000000000000_ShapeBelow7">
            <a:extLst>
              <a:ext uri="{FF2B5EF4-FFF2-40B4-BE49-F238E27FC236}">
                <a16:creationId xmlns:a16="http://schemas.microsoft.com/office/drawing/2014/main" id="{F8162CEC-E73F-901D-4B06-ACA7D646AF13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5899210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G_00000000000000000000000000000000_ShapeBelow8">
            <a:extLst>
              <a:ext uri="{FF2B5EF4-FFF2-40B4-BE49-F238E27FC236}">
                <a16:creationId xmlns:a16="http://schemas.microsoft.com/office/drawing/2014/main" id="{1560848A-4146-E7D4-1CF5-67A7057286A3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6394512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G_00000000000000000000000000000000_ShapeBelow9">
            <a:extLst>
              <a:ext uri="{FF2B5EF4-FFF2-40B4-BE49-F238E27FC236}">
                <a16:creationId xmlns:a16="http://schemas.microsoft.com/office/drawing/2014/main" id="{0EE400BD-31F0-6B04-B233-E9C28DB86809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6889814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G_00000000000000000000000000000000_ShapeBelow10">
            <a:extLst>
              <a:ext uri="{FF2B5EF4-FFF2-40B4-BE49-F238E27FC236}">
                <a16:creationId xmlns:a16="http://schemas.microsoft.com/office/drawing/2014/main" id="{BD0D684B-5732-3290-AB84-1FE42B71C627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7385117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G_00000000000000000000000000000000_ShapeBelow11">
            <a:extLst>
              <a:ext uri="{FF2B5EF4-FFF2-40B4-BE49-F238E27FC236}">
                <a16:creationId xmlns:a16="http://schemas.microsoft.com/office/drawing/2014/main" id="{C63A009C-BDC7-AC8A-B00C-918EEF79681A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7880419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G_00000000000000000000000000000000_ShapeBelow12">
            <a:extLst>
              <a:ext uri="{FF2B5EF4-FFF2-40B4-BE49-F238E27FC236}">
                <a16:creationId xmlns:a16="http://schemas.microsoft.com/office/drawing/2014/main" id="{903272E6-8E50-3E9D-4A92-7129E2E0D89A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8375721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G_00000000000000000000000000000000_ShapeBelow13">
            <a:extLst>
              <a:ext uri="{FF2B5EF4-FFF2-40B4-BE49-F238E27FC236}">
                <a16:creationId xmlns:a16="http://schemas.microsoft.com/office/drawing/2014/main" id="{A484F1FF-F5A6-F356-49B4-7A4C45F8068A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8871024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G_00000000000000000000000000000000_ShapeBelow14">
            <a:extLst>
              <a:ext uri="{FF2B5EF4-FFF2-40B4-BE49-F238E27FC236}">
                <a16:creationId xmlns:a16="http://schemas.microsoft.com/office/drawing/2014/main" id="{D722A7F0-24EF-1B08-ECF5-581B92CE4D9D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9366326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G_00000000000000000000000000000000_ShapeBelow15">
            <a:extLst>
              <a:ext uri="{FF2B5EF4-FFF2-40B4-BE49-F238E27FC236}">
                <a16:creationId xmlns:a16="http://schemas.microsoft.com/office/drawing/2014/main" id="{0BBC251F-C9EB-12AE-C1CB-227A735C4B14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9861628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G_00000000000000000000000000000000_ShapeBelow16">
            <a:extLst>
              <a:ext uri="{FF2B5EF4-FFF2-40B4-BE49-F238E27FC236}">
                <a16:creationId xmlns:a16="http://schemas.microsoft.com/office/drawing/2014/main" id="{72B86375-5677-1B21-538F-AC59E604AAEA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10356930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G_00000000000000000000000000000000_ShapeBelow17">
            <a:extLst>
              <a:ext uri="{FF2B5EF4-FFF2-40B4-BE49-F238E27FC236}">
                <a16:creationId xmlns:a16="http://schemas.microsoft.com/office/drawing/2014/main" id="{1E702C8A-BD7E-261B-081C-DDBDA06D8879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10852232" y="1267369"/>
            <a:ext cx="0" cy="531969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5" name="OTLSHAPE_SLT_d0fd9c5334d946d0b358fd6f97e96303_Shape">
            <a:extLst>
              <a:ext uri="{FF2B5EF4-FFF2-40B4-BE49-F238E27FC236}">
                <a16:creationId xmlns:a16="http://schemas.microsoft.com/office/drawing/2014/main" id="{D8325FCD-A5F1-DBB9-6D16-BF29057A0B3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936793" y="1365328"/>
            <a:ext cx="2159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0" name="OTLSHAPE_SLT_5851ff1b4a4a4a92abe59eb83b1f5724_Shape">
            <a:extLst>
              <a:ext uri="{FF2B5EF4-FFF2-40B4-BE49-F238E27FC236}">
                <a16:creationId xmlns:a16="http://schemas.microsoft.com/office/drawing/2014/main" id="{5CCDDE25-94A7-48BC-3D6A-256D2DFF7B8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2290580" y="2309361"/>
            <a:ext cx="7874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2" name="OTLSHAPE_SLT_012a2c9552c34ed1a0ee8eb2890d6f43_Shape">
            <a:extLst>
              <a:ext uri="{FF2B5EF4-FFF2-40B4-BE49-F238E27FC236}">
                <a16:creationId xmlns:a16="http://schemas.microsoft.com/office/drawing/2014/main" id="{07E1A8E6-D15C-B875-8F0F-23A59BAF902E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3068912" y="2556080"/>
            <a:ext cx="4953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4" name="OTLSHAPE_SLT_35e7d4c2915d4cdeb19899ab6275dc8a_Shape">
            <a:extLst>
              <a:ext uri="{FF2B5EF4-FFF2-40B4-BE49-F238E27FC236}">
                <a16:creationId xmlns:a16="http://schemas.microsoft.com/office/drawing/2014/main" id="{5428ECD5-BA4D-021C-1E46-D41B1EAE47C8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351942" y="3192858"/>
            <a:ext cx="11430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9" name="OTLSHAPE_SLT_0de5e6a22f304563b6c98b29b1a11f71_Shape">
            <a:extLst>
              <a:ext uri="{FF2B5EF4-FFF2-40B4-BE49-F238E27FC236}">
                <a16:creationId xmlns:a16="http://schemas.microsoft.com/office/drawing/2014/main" id="{14350F6D-47DA-060D-8C25-271028E877B0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4767091" y="3555189"/>
            <a:ext cx="4318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1" name="OTLSHAPE_SLT_e34c4bd7b9ed4ed9b0ae10eeb93ec051_Shape">
            <a:extLst>
              <a:ext uri="{FF2B5EF4-FFF2-40B4-BE49-F238E27FC236}">
                <a16:creationId xmlns:a16="http://schemas.microsoft.com/office/drawing/2014/main" id="{A70535AD-1A88-3BE4-68C1-171D275577DC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5191636" y="3834589"/>
            <a:ext cx="8509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3" name="OTLSHAPE_SLT_6eb322de14044f55ad0b0e0b5b50c3c7_Shape">
            <a:extLst>
              <a:ext uri="{FF2B5EF4-FFF2-40B4-BE49-F238E27FC236}">
                <a16:creationId xmlns:a16="http://schemas.microsoft.com/office/drawing/2014/main" id="{E1F61AE8-B342-4FF5-F238-E6D95F45531F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5828453" y="4113989"/>
            <a:ext cx="7874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5" name="OTLSHAPE_SLT_efd2478d733745069ab8582476b8bc7f_Shape">
            <a:extLst>
              <a:ext uri="{FF2B5EF4-FFF2-40B4-BE49-F238E27FC236}">
                <a16:creationId xmlns:a16="http://schemas.microsoft.com/office/drawing/2014/main" id="{07824015-B87F-1EE1-1322-F21C5431B283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6606785" y="4431489"/>
            <a:ext cx="9271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7" name="OTLSHAPE_SLT_80cb09d2e70d46d69566c36f1c888e14_Shape">
            <a:extLst>
              <a:ext uri="{FF2B5EF4-FFF2-40B4-BE49-F238E27FC236}">
                <a16:creationId xmlns:a16="http://schemas.microsoft.com/office/drawing/2014/main" id="{98508330-5127-8746-8997-D30E1F5BCA9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7243603" y="4710889"/>
            <a:ext cx="14859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9" name="OTLSHAPE_SLT_27b10f1994cb43ffabf6760b95cf6721_Shape">
            <a:extLst>
              <a:ext uri="{FF2B5EF4-FFF2-40B4-BE49-F238E27FC236}">
                <a16:creationId xmlns:a16="http://schemas.microsoft.com/office/drawing/2014/main" id="{467F19C4-B219-D3A7-0658-E2BF8BEDB307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8658752" y="5028389"/>
            <a:ext cx="4953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1" name="OTLSHAPE_SLT_9e86d3882e744b3495a4baeaf50b174e_Shape">
            <a:extLst>
              <a:ext uri="{FF2B5EF4-FFF2-40B4-BE49-F238E27FC236}">
                <a16:creationId xmlns:a16="http://schemas.microsoft.com/office/drawing/2014/main" id="{622CB944-C4BA-9205-FAC5-36840AA66EF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9083297" y="5627067"/>
            <a:ext cx="9906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9" name="OTLSHAPE_SLT_4a79d08381884242880fc0ef92ba131a_Shape">
            <a:extLst>
              <a:ext uri="{FF2B5EF4-FFF2-40B4-BE49-F238E27FC236}">
                <a16:creationId xmlns:a16="http://schemas.microsoft.com/office/drawing/2014/main" id="{308593A3-3246-6C74-A50A-02764865EC60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10427688" y="6066910"/>
            <a:ext cx="495300" cy="127000"/>
          </a:xfrm>
          <a:prstGeom prst="roundRect">
            <a:avLst/>
          </a:prstGeom>
          <a:solidFill>
            <a:srgbClr val="4682B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" name="OTLSHAPE_TB_00000000000000000000000000000000_ElapsedTime">
            <a:extLst>
              <a:ext uri="{FF2B5EF4-FFF2-40B4-BE49-F238E27FC236}">
                <a16:creationId xmlns:a16="http://schemas.microsoft.com/office/drawing/2014/main" id="{C6CA015B-5FE8-9CA7-640F-2EC97DF9F62A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936793" y="1241765"/>
            <a:ext cx="2540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0" name="OTLSHAPE_SLT_d0fd9c5334d946d0b358fd6f97e96303_ShapePercentage" hidden="1">
            <a:extLst>
              <a:ext uri="{FF2B5EF4-FFF2-40B4-BE49-F238E27FC236}">
                <a16:creationId xmlns:a16="http://schemas.microsoft.com/office/drawing/2014/main" id="{00402A92-5152-FC1D-55F8-67F12434B384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936793" y="136532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3" name="OTLSHAPE_SLT_5851ff1b4a4a4a92abe59eb83b1f5724_ShapePercentage" hidden="1">
            <a:extLst>
              <a:ext uri="{FF2B5EF4-FFF2-40B4-BE49-F238E27FC236}">
                <a16:creationId xmlns:a16="http://schemas.microsoft.com/office/drawing/2014/main" id="{912DCC7D-9199-9601-B688-26B63DE0BA04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2290580" y="230936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6" name="OTLSHAPE_SLT_012a2c9552c34ed1a0ee8eb2890d6f43_ShapePercentage" hidden="1">
            <a:extLst>
              <a:ext uri="{FF2B5EF4-FFF2-40B4-BE49-F238E27FC236}">
                <a16:creationId xmlns:a16="http://schemas.microsoft.com/office/drawing/2014/main" id="{CE715C8D-712C-3E74-3003-2DC44896DE52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068912" y="255608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2" name="OTLSHAPE_SLT_35e7d4c2915d4cdeb19899ab6275dc8a_ShapePercentage" hidden="1">
            <a:extLst>
              <a:ext uri="{FF2B5EF4-FFF2-40B4-BE49-F238E27FC236}">
                <a16:creationId xmlns:a16="http://schemas.microsoft.com/office/drawing/2014/main" id="{F0DED604-F25B-66C1-7F98-56831957DCAA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351942" y="319285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6" name="OTLSHAPE_SLT_0de5e6a22f304563b6c98b29b1a11f71_ShapePercentage" hidden="1">
            <a:extLst>
              <a:ext uri="{FF2B5EF4-FFF2-40B4-BE49-F238E27FC236}">
                <a16:creationId xmlns:a16="http://schemas.microsoft.com/office/drawing/2014/main" id="{E9604A60-9D4C-59E1-02EA-38869886C76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4767091" y="355518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1" name="OTLSHAPE_SLT_e34c4bd7b9ed4ed9b0ae10eeb93ec051_ShapePercentage" hidden="1">
            <a:extLst>
              <a:ext uri="{FF2B5EF4-FFF2-40B4-BE49-F238E27FC236}">
                <a16:creationId xmlns:a16="http://schemas.microsoft.com/office/drawing/2014/main" id="{C3DAD150-E9F4-1EA7-770D-CECF8D95F6FB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5191636" y="383458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8" name="OTLSHAPE_SLT_6eb322de14044f55ad0b0e0b5b50c3c7_ShapePercentage" hidden="1">
            <a:extLst>
              <a:ext uri="{FF2B5EF4-FFF2-40B4-BE49-F238E27FC236}">
                <a16:creationId xmlns:a16="http://schemas.microsoft.com/office/drawing/2014/main" id="{67EC203F-37B6-EAAB-3826-49B55D938C3C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5828453" y="411398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1" name="OTLSHAPE_SLT_efd2478d733745069ab8582476b8bc7f_ShapePercentage" hidden="1">
            <a:extLst>
              <a:ext uri="{FF2B5EF4-FFF2-40B4-BE49-F238E27FC236}">
                <a16:creationId xmlns:a16="http://schemas.microsoft.com/office/drawing/2014/main" id="{DF32BE5C-CF2A-F875-D020-A87CC301D6A7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6606785" y="443148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4" name="OTLSHAPE_SLT_80cb09d2e70d46d69566c36f1c888e14_ShapePercentage" hidden="1">
            <a:extLst>
              <a:ext uri="{FF2B5EF4-FFF2-40B4-BE49-F238E27FC236}">
                <a16:creationId xmlns:a16="http://schemas.microsoft.com/office/drawing/2014/main" id="{E4856A27-A4CD-4222-DC90-514FC83FE934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7243603" y="471088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91" name="OTLSHAPE_SLT_27b10f1994cb43ffabf6760b95cf6721_ShapePercentage" hidden="1">
            <a:extLst>
              <a:ext uri="{FF2B5EF4-FFF2-40B4-BE49-F238E27FC236}">
                <a16:creationId xmlns:a16="http://schemas.microsoft.com/office/drawing/2014/main" id="{1DDFDABB-E363-C966-0AB0-CBEF39FCB0E9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8658752" y="502838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70" name="OTLSHAPE_SLT_9e86d3882e744b3495a4baeaf50b174e_ShapePercentage" hidden="1">
            <a:extLst>
              <a:ext uri="{FF2B5EF4-FFF2-40B4-BE49-F238E27FC236}">
                <a16:creationId xmlns:a16="http://schemas.microsoft.com/office/drawing/2014/main" id="{09BAD85B-D11C-CFEC-A5DD-B76662E815A9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083297" y="562706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78" name="OTLSHAPE_SLT_4a79d08381884242880fc0ef92ba131a_ShapePercentage" hidden="1">
            <a:extLst>
              <a:ext uri="{FF2B5EF4-FFF2-40B4-BE49-F238E27FC236}">
                <a16:creationId xmlns:a16="http://schemas.microsoft.com/office/drawing/2014/main" id="{8D7D734B-A64A-B8E2-638B-6D876B5B903B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0427688" y="60669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9" name="OTLSHAPE_SL_3d82bf514e894df29e710716e170b663_Header">
            <a:extLst>
              <a:ext uri="{FF2B5EF4-FFF2-40B4-BE49-F238E27FC236}">
                <a16:creationId xmlns:a16="http://schemas.microsoft.com/office/drawing/2014/main" id="{B2A7AD1E-939A-DC38-98F1-B20A874C6AA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500" y="1521284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nd surveying</a:t>
            </a:r>
            <a:endParaRPr kumimoji="0" lang="en-US" sz="1100" b="1" i="0" u="none" strike="noStrike" kern="1200" cap="none" spc="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" name="OTLSHAPE_SL_a52589c27c054dc88d044a5b938264dd_Header">
            <a:extLst>
              <a:ext uri="{FF2B5EF4-FFF2-40B4-BE49-F238E27FC236}">
                <a16:creationId xmlns:a16="http://schemas.microsoft.com/office/drawing/2014/main" id="{DBA24190-E18E-D33D-E5E7-BB5A9419876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3500" y="2275410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cavation &amp; groundworks</a:t>
            </a:r>
          </a:p>
        </p:txBody>
      </p:sp>
      <p:sp>
        <p:nvSpPr>
          <p:cNvPr id="25" name="OTLSHAPE_SL_bfc6dc0fa1b64c1baa3926da188fa877_Header">
            <a:extLst>
              <a:ext uri="{FF2B5EF4-FFF2-40B4-BE49-F238E27FC236}">
                <a16:creationId xmlns:a16="http://schemas.microsoft.com/office/drawing/2014/main" id="{4EFE32E3-97AB-90AE-CB1B-8C474E4EC1A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3500" y="2964956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iling &amp; foundations</a:t>
            </a:r>
          </a:p>
        </p:txBody>
      </p:sp>
      <p:sp>
        <p:nvSpPr>
          <p:cNvPr id="28" name="OTLSHAPE_SL_f81d36001a8b43fd9fd6597c141a0660_Header">
            <a:extLst>
              <a:ext uri="{FF2B5EF4-FFF2-40B4-BE49-F238E27FC236}">
                <a16:creationId xmlns:a16="http://schemas.microsoft.com/office/drawing/2014/main" id="{2B625DBB-0B1E-868F-366E-D65A88F1211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3500" y="3743911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crete works</a:t>
            </a:r>
            <a:endParaRPr kumimoji="0" lang="en-US" sz="1100" b="1" i="0" u="none" strike="noStrike" kern="1200" cap="none" spc="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" name="OTLSHAPE_SL_1353a315cf594e33894a99b04246c1e3_Header">
            <a:extLst>
              <a:ext uri="{FF2B5EF4-FFF2-40B4-BE49-F238E27FC236}">
                <a16:creationId xmlns:a16="http://schemas.microsoft.com/office/drawing/2014/main" id="{9842613C-7791-916C-2393-93E7A0DFDB1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3500" y="4480511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oad work &amp; paving</a:t>
            </a:r>
          </a:p>
        </p:txBody>
      </p:sp>
      <p:sp>
        <p:nvSpPr>
          <p:cNvPr id="34" name="OTLSHAPE_SL_755c6bd60eb646848fb4543b43cf7cd3_Header">
            <a:extLst>
              <a:ext uri="{FF2B5EF4-FFF2-40B4-BE49-F238E27FC236}">
                <a16:creationId xmlns:a16="http://schemas.microsoft.com/office/drawing/2014/main" id="{C2BA3F71-45A0-C1BD-83FE-A45E9E26665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3500" y="5302095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tilities installation</a:t>
            </a:r>
          </a:p>
        </p:txBody>
      </p:sp>
      <p:sp>
        <p:nvSpPr>
          <p:cNvPr id="37" name="OTLSHAPE_SL_4cb1fbfd4f63471ea1f0b3de84b07b0e_Header">
            <a:extLst>
              <a:ext uri="{FF2B5EF4-FFF2-40B4-BE49-F238E27FC236}">
                <a16:creationId xmlns:a16="http://schemas.microsoft.com/office/drawing/2014/main" id="{DAD372A8-2DB3-5751-9DC8-3EE931BF414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3500" y="6130410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pection &amp; handover</a:t>
            </a:r>
          </a:p>
        </p:txBody>
      </p:sp>
      <p:sp>
        <p:nvSpPr>
          <p:cNvPr id="43" name="OTLSHAPE_SL2A_80f13eee7fc44490ba2526852af6b64e_Header">
            <a:extLst>
              <a:ext uri="{FF2B5EF4-FFF2-40B4-BE49-F238E27FC236}">
                <a16:creationId xmlns:a16="http://schemas.microsoft.com/office/drawing/2014/main" id="{E9A6E1DD-BBA3-178A-C025-29CF592F119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26648" y="160654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rveying</a:t>
            </a:r>
          </a:p>
        </p:txBody>
      </p:sp>
      <p:sp>
        <p:nvSpPr>
          <p:cNvPr id="58" name="OTLSHAPE_SL2A_0b667c73b33b4dc48c5c30e4f8ba5bdc_Header">
            <a:extLst>
              <a:ext uri="{FF2B5EF4-FFF2-40B4-BE49-F238E27FC236}">
                <a16:creationId xmlns:a16="http://schemas.microsoft.com/office/drawing/2014/main" id="{C148BB23-A7EB-ED16-A18C-8D2C7174CD5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26648" y="222096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cavation</a:t>
            </a:r>
          </a:p>
        </p:txBody>
      </p:sp>
      <p:sp>
        <p:nvSpPr>
          <p:cNvPr id="70" name="OTLSHAPE_SL2A_014d4578ef114e29a0fb686cc194aa43_Header">
            <a:extLst>
              <a:ext uri="{FF2B5EF4-FFF2-40B4-BE49-F238E27FC236}">
                <a16:creationId xmlns:a16="http://schemas.microsoft.com/office/drawing/2014/main" id="{BF9ED1B1-C3AB-CB4B-4E47-174BD6014D0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26648" y="255066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roundworks</a:t>
            </a:r>
          </a:p>
        </p:txBody>
      </p:sp>
      <p:sp>
        <p:nvSpPr>
          <p:cNvPr id="82" name="OTLSHAPE_SL2A_e6a52ea3582e4d6db3863e6a6b23b00c_Header">
            <a:extLst>
              <a:ext uri="{FF2B5EF4-FFF2-40B4-BE49-F238E27FC236}">
                <a16:creationId xmlns:a16="http://schemas.microsoft.com/office/drawing/2014/main" id="{9E8AEBF3-CE1E-D985-EE35-8116656CC6C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26648" y="2964956"/>
            <a:ext cx="825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undation piling</a:t>
            </a:r>
          </a:p>
        </p:txBody>
      </p:sp>
      <p:sp>
        <p:nvSpPr>
          <p:cNvPr id="97" name="OTLSHAPE_SL2A_350270509b664ba986a32c76a8cf3d55_Header">
            <a:extLst>
              <a:ext uri="{FF2B5EF4-FFF2-40B4-BE49-F238E27FC236}">
                <a16:creationId xmlns:a16="http://schemas.microsoft.com/office/drawing/2014/main" id="{DAEA6775-9620-93BD-5CF1-413C2B4DAF9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26648" y="354977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ation</a:t>
            </a:r>
          </a:p>
        </p:txBody>
      </p:sp>
      <p:sp>
        <p:nvSpPr>
          <p:cNvPr id="109" name="OTLSHAPE_SL2A_e5a82816376542368e7fa2e47d62c43f_Header">
            <a:extLst>
              <a:ext uri="{FF2B5EF4-FFF2-40B4-BE49-F238E27FC236}">
                <a16:creationId xmlns:a16="http://schemas.microsoft.com/office/drawing/2014/main" id="{F0D69F9C-8EF0-ECB1-9A6F-D09962AD0A1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26648" y="382917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uring</a:t>
            </a:r>
          </a:p>
        </p:txBody>
      </p:sp>
      <p:sp>
        <p:nvSpPr>
          <p:cNvPr id="121" name="OTLSHAPE_SL2A_b4af84721de54ef18b21f04dfbe1020e_Header">
            <a:extLst>
              <a:ext uri="{FF2B5EF4-FFF2-40B4-BE49-F238E27FC236}">
                <a16:creationId xmlns:a16="http://schemas.microsoft.com/office/drawing/2014/main" id="{8BA2BFA6-6773-E875-FF36-3501BF3E1C03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26648" y="4023311"/>
            <a:ext cx="825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ring &amp; inspection</a:t>
            </a:r>
          </a:p>
        </p:txBody>
      </p:sp>
      <p:sp>
        <p:nvSpPr>
          <p:cNvPr id="133" name="OTLSHAPE_SL2A_b9cbda38e59949a482a8924cd9523a59_Header">
            <a:extLst>
              <a:ext uri="{FF2B5EF4-FFF2-40B4-BE49-F238E27FC236}">
                <a16:creationId xmlns:a16="http://schemas.microsoft.com/office/drawing/2014/main" id="{8480BC44-E508-8410-DDF4-942DB05D00F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26648" y="442607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cavation</a:t>
            </a:r>
          </a:p>
        </p:txBody>
      </p:sp>
      <p:sp>
        <p:nvSpPr>
          <p:cNvPr id="145" name="OTLSHAPE_SL2A_c981131bb28044d19075bdca28e61561_Header">
            <a:extLst>
              <a:ext uri="{FF2B5EF4-FFF2-40B4-BE49-F238E27FC236}">
                <a16:creationId xmlns:a16="http://schemas.microsoft.com/office/drawing/2014/main" id="{77E8E107-C2FB-75CC-7773-4940AFA22EB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26648" y="470547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oad paving</a:t>
            </a:r>
          </a:p>
        </p:txBody>
      </p:sp>
      <p:sp>
        <p:nvSpPr>
          <p:cNvPr id="157" name="OTLSHAPE_SL2A_215eae433fd148458545e9770aee3eb8_Header">
            <a:extLst>
              <a:ext uri="{FF2B5EF4-FFF2-40B4-BE49-F238E27FC236}">
                <a16:creationId xmlns:a16="http://schemas.microsoft.com/office/drawing/2014/main" id="{F7DD8371-A799-95CB-890C-341D8302207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26648" y="502297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cavation</a:t>
            </a:r>
          </a:p>
        </p:txBody>
      </p:sp>
      <p:sp>
        <p:nvSpPr>
          <p:cNvPr id="169" name="OTLSHAPE_SL2A_15fb1f3b020d4cfe869398b4163ef3e4_Header">
            <a:extLst>
              <a:ext uri="{FF2B5EF4-FFF2-40B4-BE49-F238E27FC236}">
                <a16:creationId xmlns:a16="http://schemas.microsoft.com/office/drawing/2014/main" id="{5503E0B3-FD1B-DCAA-EAA2-76D7C581025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26648" y="552705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ation</a:t>
            </a:r>
          </a:p>
        </p:txBody>
      </p:sp>
      <p:sp>
        <p:nvSpPr>
          <p:cNvPr id="187" name="OTLSHAPE_SL2A_d9081401579b4da2932c8edd2a424ee9_Header">
            <a:extLst>
              <a:ext uri="{FF2B5EF4-FFF2-40B4-BE49-F238E27FC236}">
                <a16:creationId xmlns:a16="http://schemas.microsoft.com/office/drawing/2014/main" id="{E58B5CCC-8387-B102-1C1E-32E2CD44AF0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26648" y="6130410"/>
            <a:ext cx="825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inspections</a:t>
            </a:r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srgbClr val="FFCC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" name="OTLSHAPE_SLT_d0fd9c5334d946d0b358fd6f97e96303_BaselineShape" hidden="1">
            <a:extLst>
              <a:ext uri="{FF2B5EF4-FFF2-40B4-BE49-F238E27FC236}">
                <a16:creationId xmlns:a16="http://schemas.microsoft.com/office/drawing/2014/main" id="{FB4DB0EB-92D1-1BEB-0125-CA9617FB6406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1936793" y="145422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4" name="OTLSHAPE_SLT_5851ff1b4a4a4a92abe59eb83b1f5724_BaselineShape" hidden="1">
            <a:extLst>
              <a:ext uri="{FF2B5EF4-FFF2-40B4-BE49-F238E27FC236}">
                <a16:creationId xmlns:a16="http://schemas.microsoft.com/office/drawing/2014/main" id="{7C12CDE6-607E-384F-6C26-1EAB21C56852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1936793" y="239826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7" name="OTLSHAPE_SLT_012a2c9552c34ed1a0ee8eb2890d6f43_BaselineShape" hidden="1">
            <a:extLst>
              <a:ext uri="{FF2B5EF4-FFF2-40B4-BE49-F238E27FC236}">
                <a16:creationId xmlns:a16="http://schemas.microsoft.com/office/drawing/2014/main" id="{9F9A7336-E46E-5BDB-BD9E-7C9CBC3FF74B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1936793" y="264498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3" name="OTLSHAPE_SLT_35e7d4c2915d4cdeb19899ab6275dc8a_BaselineShape" hidden="1">
            <a:extLst>
              <a:ext uri="{FF2B5EF4-FFF2-40B4-BE49-F238E27FC236}">
                <a16:creationId xmlns:a16="http://schemas.microsoft.com/office/drawing/2014/main" id="{6D3A2133-FA66-D905-6280-8C032F22D625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936793" y="328175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9" name="OTLSHAPE_SLT_0de5e6a22f304563b6c98b29b1a11f71_BaselineShape" hidden="1">
            <a:extLst>
              <a:ext uri="{FF2B5EF4-FFF2-40B4-BE49-F238E27FC236}">
                <a16:creationId xmlns:a16="http://schemas.microsoft.com/office/drawing/2014/main" id="{DB2992B0-3501-C723-0003-AD48D03B0CC9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1936793" y="364408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6" name="OTLSHAPE_SLT_e34c4bd7b9ed4ed9b0ae10eeb93ec051_BaselineShape" hidden="1">
            <a:extLst>
              <a:ext uri="{FF2B5EF4-FFF2-40B4-BE49-F238E27FC236}">
                <a16:creationId xmlns:a16="http://schemas.microsoft.com/office/drawing/2014/main" id="{F7B5F9FE-C8D9-556C-B6AD-DBA99F096E41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1936793" y="392348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9" name="OTLSHAPE_SLT_6eb322de14044f55ad0b0e0b5b50c3c7_BaselineShape" hidden="1">
            <a:extLst>
              <a:ext uri="{FF2B5EF4-FFF2-40B4-BE49-F238E27FC236}">
                <a16:creationId xmlns:a16="http://schemas.microsoft.com/office/drawing/2014/main" id="{20E91A58-2D20-1F70-DE91-BB3D49B5D3D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1936793" y="420288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2" name="OTLSHAPE_SLT_efd2478d733745069ab8582476b8bc7f_BaselineShape" hidden="1">
            <a:extLst>
              <a:ext uri="{FF2B5EF4-FFF2-40B4-BE49-F238E27FC236}">
                <a16:creationId xmlns:a16="http://schemas.microsoft.com/office/drawing/2014/main" id="{5E226513-21FE-9B7E-88E2-AB3C7670DE9F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1936793" y="452038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5" name="OTLSHAPE_SLT_80cb09d2e70d46d69566c36f1c888e14_BaselineShape" hidden="1">
            <a:extLst>
              <a:ext uri="{FF2B5EF4-FFF2-40B4-BE49-F238E27FC236}">
                <a16:creationId xmlns:a16="http://schemas.microsoft.com/office/drawing/2014/main" id="{D266B202-D9FE-CD68-2743-BD85B2B062D9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1936793" y="479978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92" name="OTLSHAPE_SLT_27b10f1994cb43ffabf6760b95cf6721_BaselineShape" hidden="1">
            <a:extLst>
              <a:ext uri="{FF2B5EF4-FFF2-40B4-BE49-F238E27FC236}">
                <a16:creationId xmlns:a16="http://schemas.microsoft.com/office/drawing/2014/main" id="{281CE519-07FC-EA4C-90B7-E6FBFEAA7902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1936793" y="511728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71" name="OTLSHAPE_SLT_9e86d3882e744b3495a4baeaf50b174e_BaselineShape" hidden="1">
            <a:extLst>
              <a:ext uri="{FF2B5EF4-FFF2-40B4-BE49-F238E27FC236}">
                <a16:creationId xmlns:a16="http://schemas.microsoft.com/office/drawing/2014/main" id="{16454CA2-972F-E361-3535-ABE0B2340785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1936793" y="571596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79" name="OTLSHAPE_SLT_4a79d08381884242880fc0ef92ba131a_BaselineShape" hidden="1">
            <a:extLst>
              <a:ext uri="{FF2B5EF4-FFF2-40B4-BE49-F238E27FC236}">
                <a16:creationId xmlns:a16="http://schemas.microsoft.com/office/drawing/2014/main" id="{6C8BA16D-411C-73A1-8651-19F275050E13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1936793" y="615581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4" name="OTLSHAPE_SLM_99721cb89e814a0b9770992ecd6f82b8_Shape">
            <a:extLst>
              <a:ext uri="{FF2B5EF4-FFF2-40B4-BE49-F238E27FC236}">
                <a16:creationId xmlns:a16="http://schemas.microsoft.com/office/drawing/2014/main" id="{C920B4F1-FACD-93D0-14C8-518B6B388A9A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2072865" y="1707212"/>
            <a:ext cx="152400" cy="177800"/>
          </a:xfrm>
          <a:prstGeom prst="diamond">
            <a:avLst/>
          </a:prstGeom>
          <a:solidFill>
            <a:srgbClr val="FFCC0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3" name="OTLSHAPE_SLM_005f62e5d6c94e14ba1f0fa8e1cb70b3_Shape">
            <a:extLst>
              <a:ext uri="{FF2B5EF4-FFF2-40B4-BE49-F238E27FC236}">
                <a16:creationId xmlns:a16="http://schemas.microsoft.com/office/drawing/2014/main" id="{5232DDB7-2E1B-E8B9-7FC6-921844B580EC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4478570" y="3167458"/>
            <a:ext cx="152400" cy="177800"/>
          </a:xfrm>
          <a:prstGeom prst="diamond">
            <a:avLst/>
          </a:prstGeom>
          <a:solidFill>
            <a:srgbClr val="FFCC0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21" name="OTLSHAPE_SLM_e23bd7a823154973a97def62d6961434_Shape">
            <a:extLst>
              <a:ext uri="{FF2B5EF4-FFF2-40B4-BE49-F238E27FC236}">
                <a16:creationId xmlns:a16="http://schemas.microsoft.com/office/drawing/2014/main" id="{59B18B73-83A5-5484-929B-ADA2F53AC15F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10068409" y="5601667"/>
            <a:ext cx="152400" cy="177800"/>
          </a:xfrm>
          <a:prstGeom prst="diamond">
            <a:avLst/>
          </a:prstGeom>
          <a:solidFill>
            <a:srgbClr val="FFCC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" name="OTLSHAPE_TB_00000000000000000000000000000000_TodayMarkerShape" hidden="1">
            <a:extLst>
              <a:ext uri="{FF2B5EF4-FFF2-40B4-BE49-F238E27FC236}">
                <a16:creationId xmlns:a16="http://schemas.microsoft.com/office/drawing/2014/main" id="{DAE832EB-EE53-D07B-E55C-1F5292EED1C1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2164350" y="1267368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BA583DD-503F-E070-C8B4-0D3AD3FFB89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987593" y="881733"/>
            <a:ext cx="2644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A074AD69-6BD1-C349-1F32-47226EF2AD2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181074" y="881733"/>
            <a:ext cx="23083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94E4EB78-E51F-6F0F-3F90-E5103CCE12D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303798" y="881733"/>
            <a:ext cx="2793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37E7419E-8367-DB10-23E7-AF30F041590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8497280" y="881733"/>
            <a:ext cx="20954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133D2EFB-3BA3-9075-A01B-A293FE13805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0620004" y="881733"/>
            <a:ext cx="16619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51" name="OTLSHAPE_SLT_d0fd9c5334d946d0b358fd6f97e96303_JoinedDate">
            <a:extLst>
              <a:ext uri="{FF2B5EF4-FFF2-40B4-BE49-F238E27FC236}">
                <a16:creationId xmlns:a16="http://schemas.microsoft.com/office/drawing/2014/main" id="{4E403CEA-54FC-33E8-F7FA-6C29199BC42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936793" y="1514087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 - Mar 3</a:t>
            </a:r>
          </a:p>
        </p:txBody>
      </p:sp>
      <p:sp>
        <p:nvSpPr>
          <p:cNvPr id="52" name="OTLSHAPE_SLT_d0fd9c5334d946d0b358fd6f97e96303_Title">
            <a:extLst>
              <a:ext uri="{FF2B5EF4-FFF2-40B4-BE49-F238E27FC236}">
                <a16:creationId xmlns:a16="http://schemas.microsoft.com/office/drawing/2014/main" id="{92663320-A8D2-AC6E-23D3-035D83C14ACA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2199816" y="1343568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rvey land and site inspection</a:t>
            </a:r>
          </a:p>
        </p:txBody>
      </p:sp>
      <p:sp>
        <p:nvSpPr>
          <p:cNvPr id="55" name="OTLSHAPE_SLM_99721cb89e814a0b9770992ecd6f82b8_Title">
            <a:extLst>
              <a:ext uri="{FF2B5EF4-FFF2-40B4-BE49-F238E27FC236}">
                <a16:creationId xmlns:a16="http://schemas.microsoft.com/office/drawing/2014/main" id="{79809340-6B64-89AC-1CDA-95D598CD356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2276065" y="1710853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ize land survey</a:t>
            </a:r>
          </a:p>
        </p:txBody>
      </p:sp>
      <p:sp>
        <p:nvSpPr>
          <p:cNvPr id="56" name="OTLSHAPE_SLM_99721cb89e814a0b9770992ecd6f82b8_Date">
            <a:extLst>
              <a:ext uri="{FF2B5EF4-FFF2-40B4-BE49-F238E27FC236}">
                <a16:creationId xmlns:a16="http://schemas.microsoft.com/office/drawing/2014/main" id="{AF53F1F3-7FD4-912F-0C60-6AF56240FD2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995670" y="1885012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4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FFCC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6" name="OTLSHAPE_SLT_5851ff1b4a4a4a92abe59eb83b1f5724_JoinedDate">
            <a:extLst>
              <a:ext uri="{FF2B5EF4-FFF2-40B4-BE49-F238E27FC236}">
                <a16:creationId xmlns:a16="http://schemas.microsoft.com/office/drawing/2014/main" id="{DF87DCDB-CD75-02CF-6B3E-E1F622316E4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2290580" y="215433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6 - Mar 16</a:t>
            </a:r>
          </a:p>
        </p:txBody>
      </p:sp>
      <p:sp>
        <p:nvSpPr>
          <p:cNvPr id="67" name="OTLSHAPE_SLT_5851ff1b4a4a4a92abe59eb83b1f5724_Title">
            <a:extLst>
              <a:ext uri="{FF2B5EF4-FFF2-40B4-BE49-F238E27FC236}">
                <a16:creationId xmlns:a16="http://schemas.microsoft.com/office/drawing/2014/main" id="{7ECFD773-396F-0B87-C4C8-9442C5E7C64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3170463" y="2287602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gin excavation and site preparation</a:t>
            </a:r>
          </a:p>
        </p:txBody>
      </p:sp>
      <p:sp>
        <p:nvSpPr>
          <p:cNvPr id="78" name="OTLSHAPE_SLT_012a2c9552c34ed1a0ee8eb2890d6f43_JoinedDate">
            <a:extLst>
              <a:ext uri="{FF2B5EF4-FFF2-40B4-BE49-F238E27FC236}">
                <a16:creationId xmlns:a16="http://schemas.microsoft.com/office/drawing/2014/main" id="{8FE1CD58-34EA-6A3C-6451-B1658FE318BD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2082495" y="254206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7 - Mar 23</a:t>
            </a:r>
          </a:p>
        </p:txBody>
      </p:sp>
      <p:sp>
        <p:nvSpPr>
          <p:cNvPr id="79" name="OTLSHAPE_SLT_012a2c9552c34ed1a0ee8eb2890d6f43_Title">
            <a:extLst>
              <a:ext uri="{FF2B5EF4-FFF2-40B4-BE49-F238E27FC236}">
                <a16:creationId xmlns:a16="http://schemas.microsoft.com/office/drawing/2014/main" id="{C14DBBFC-9D44-9ECA-9B0C-73727BFB39C7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3614965" y="2534321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plete groundwork and trenching</a:t>
            </a:r>
          </a:p>
        </p:txBody>
      </p:sp>
      <p:sp>
        <p:nvSpPr>
          <p:cNvPr id="90" name="OTLSHAPE_SLT_35e7d4c2915d4cdeb19899ab6275dc8a_JoinedDate">
            <a:extLst>
              <a:ext uri="{FF2B5EF4-FFF2-40B4-BE49-F238E27FC236}">
                <a16:creationId xmlns:a16="http://schemas.microsoft.com/office/drawing/2014/main" id="{C063401E-08DC-7F64-548F-55F4155EA393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2556118" y="317884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1 - Apr 5</a:t>
            </a:r>
          </a:p>
        </p:txBody>
      </p:sp>
      <p:sp>
        <p:nvSpPr>
          <p:cNvPr id="91" name="OTLSHAPE_SLT_35e7d4c2915d4cdeb19899ab6275dc8a_Title">
            <a:extLst>
              <a:ext uri="{FF2B5EF4-FFF2-40B4-BE49-F238E27FC236}">
                <a16:creationId xmlns:a16="http://schemas.microsoft.com/office/drawing/2014/main" id="{3DADB884-ADAC-CE14-4FFC-64C09EE84383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3351942" y="2851821"/>
            <a:ext cx="96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piling and foundations</a:t>
            </a:r>
          </a:p>
        </p:txBody>
      </p:sp>
      <p:sp>
        <p:nvSpPr>
          <p:cNvPr id="94" name="OTLSHAPE_SLM_005f62e5d6c94e14ba1f0fa8e1cb70b3_Title">
            <a:extLst>
              <a:ext uri="{FF2B5EF4-FFF2-40B4-BE49-F238E27FC236}">
                <a16:creationId xmlns:a16="http://schemas.microsoft.com/office/drawing/2014/main" id="{A7894733-0B95-A84D-257B-1EB34B738082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4681770" y="3093586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undation curing and inspections</a:t>
            </a:r>
          </a:p>
        </p:txBody>
      </p:sp>
      <p:sp>
        <p:nvSpPr>
          <p:cNvPr id="95" name="OTLSHAPE_SLM_005f62e5d6c94e14ba1f0fa8e1cb70b3_Date">
            <a:extLst>
              <a:ext uri="{FF2B5EF4-FFF2-40B4-BE49-F238E27FC236}">
                <a16:creationId xmlns:a16="http://schemas.microsoft.com/office/drawing/2014/main" id="{364783EB-8E64-7ABF-6756-0717B58B9836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4681770" y="326410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6</a:t>
            </a:r>
          </a:p>
        </p:txBody>
      </p:sp>
      <p:sp>
        <p:nvSpPr>
          <p:cNvPr id="105" name="OTLSHAPE_SLT_0de5e6a22f304563b6c98b29b1a11f71_JoinedDate">
            <a:extLst>
              <a:ext uri="{FF2B5EF4-FFF2-40B4-BE49-F238E27FC236}">
                <a16:creationId xmlns:a16="http://schemas.microsoft.com/office/drawing/2014/main" id="{6CDCC16C-1665-E3EC-A8AB-B8E79D4DA09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936088" y="354117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0 - Apr 15</a:t>
            </a:r>
          </a:p>
        </p:txBody>
      </p:sp>
      <p:sp>
        <p:nvSpPr>
          <p:cNvPr id="106" name="OTLSHAPE_SLT_0de5e6a22f304563b6c98b29b1a11f71_Title">
            <a:extLst>
              <a:ext uri="{FF2B5EF4-FFF2-40B4-BE49-F238E27FC236}">
                <a16:creationId xmlns:a16="http://schemas.microsoft.com/office/drawing/2014/main" id="{D5DA92BC-FACB-9163-3EE4-A4B92DA0C132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5293187" y="3533430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ur concrete foundation</a:t>
            </a:r>
          </a:p>
        </p:txBody>
      </p:sp>
      <p:sp>
        <p:nvSpPr>
          <p:cNvPr id="117" name="OTLSHAPE_SLT_e34c4bd7b9ed4ed9b0ae10eeb93ec051_JoinedDate">
            <a:extLst>
              <a:ext uri="{FF2B5EF4-FFF2-40B4-BE49-F238E27FC236}">
                <a16:creationId xmlns:a16="http://schemas.microsoft.com/office/drawing/2014/main" id="{C9EC57D5-871A-01EC-E0CB-CD1E3C63258D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263639" y="382057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6 - Apr 27</a:t>
            </a:r>
          </a:p>
        </p:txBody>
      </p:sp>
      <p:sp>
        <p:nvSpPr>
          <p:cNvPr id="118" name="OTLSHAPE_SLT_e34c4bd7b9ed4ed9b0ae10eeb93ec051_Title">
            <a:extLst>
              <a:ext uri="{FF2B5EF4-FFF2-40B4-BE49-F238E27FC236}">
                <a16:creationId xmlns:a16="http://schemas.microsoft.com/office/drawing/2014/main" id="{ACEAF79A-86CF-6B4E-F66B-0756B61211C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6091477" y="3812830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ur slabs and supports</a:t>
            </a:r>
          </a:p>
        </p:txBody>
      </p:sp>
      <p:sp>
        <p:nvSpPr>
          <p:cNvPr id="129" name="OTLSHAPE_SLT_6eb322de14044f55ad0b0e0b5b50c3c7_JoinedDate">
            <a:extLst>
              <a:ext uri="{FF2B5EF4-FFF2-40B4-BE49-F238E27FC236}">
                <a16:creationId xmlns:a16="http://schemas.microsoft.com/office/drawing/2014/main" id="{A0242040-E5CB-7240-63D1-9C3DC796124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021792" y="4099976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5 - May 5</a:t>
            </a:r>
          </a:p>
        </p:txBody>
      </p:sp>
      <p:sp>
        <p:nvSpPr>
          <p:cNvPr id="130" name="OTLSHAPE_SLT_6eb322de14044f55ad0b0e0b5b50c3c7_Title">
            <a:extLst>
              <a:ext uri="{FF2B5EF4-FFF2-40B4-BE49-F238E27FC236}">
                <a16:creationId xmlns:a16="http://schemas.microsoft.com/office/drawing/2014/main" id="{E2AB101C-0D6B-5CE0-B956-DA466CE646AF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08336" y="4092230"/>
            <a:ext cx="233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crete curing and structural inspection</a:t>
            </a:r>
          </a:p>
        </p:txBody>
      </p:sp>
      <p:sp>
        <p:nvSpPr>
          <p:cNvPr id="141" name="OTLSHAPE_SLT_efd2478d733745069ab8582476b8bc7f_JoinedDate">
            <a:extLst>
              <a:ext uri="{FF2B5EF4-FFF2-40B4-BE49-F238E27FC236}">
                <a16:creationId xmlns:a16="http://schemas.microsoft.com/office/drawing/2014/main" id="{B44D7369-3BDB-EBD6-91B4-EA1F5E04DA45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5663083" y="441747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6 - May 18</a:t>
            </a:r>
          </a:p>
        </p:txBody>
      </p:sp>
      <p:sp>
        <p:nvSpPr>
          <p:cNvPr id="142" name="OTLSHAPE_SLT_efd2478d733745069ab8582476b8bc7f_Title">
            <a:extLst>
              <a:ext uri="{FF2B5EF4-FFF2-40B4-BE49-F238E27FC236}">
                <a16:creationId xmlns:a16="http://schemas.microsoft.com/office/drawing/2014/main" id="{12EC3C75-E89A-8BA4-8B8F-07281830B6B3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7577383" y="4409730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gin excavation for road base</a:t>
            </a:r>
          </a:p>
        </p:txBody>
      </p:sp>
      <p:sp>
        <p:nvSpPr>
          <p:cNvPr id="153" name="OTLSHAPE_SLT_80cb09d2e70d46d69566c36f1c888e14_JoinedDate">
            <a:extLst>
              <a:ext uri="{FF2B5EF4-FFF2-40B4-BE49-F238E27FC236}">
                <a16:creationId xmlns:a16="http://schemas.microsoft.com/office/drawing/2014/main" id="{EA98710D-CE34-8644-610B-A4DF016A4DB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6447482" y="469687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5 - Jun 4</a:t>
            </a:r>
          </a:p>
        </p:txBody>
      </p:sp>
      <p:sp>
        <p:nvSpPr>
          <p:cNvPr id="154" name="OTLSHAPE_SLT_80cb09d2e70d46d69566c36f1c888e14_Title">
            <a:extLst>
              <a:ext uri="{FF2B5EF4-FFF2-40B4-BE49-F238E27FC236}">
                <a16:creationId xmlns:a16="http://schemas.microsoft.com/office/drawing/2014/main" id="{C423B748-3645-738D-BCAD-A284BE620479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780260" y="4689130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y asphalt and road surfacing</a:t>
            </a:r>
          </a:p>
        </p:txBody>
      </p:sp>
      <p:sp>
        <p:nvSpPr>
          <p:cNvPr id="165" name="OTLSHAPE_SLT_27b10f1994cb43ffabf6760b95cf6721_JoinedDate">
            <a:extLst>
              <a:ext uri="{FF2B5EF4-FFF2-40B4-BE49-F238E27FC236}">
                <a16:creationId xmlns:a16="http://schemas.microsoft.com/office/drawing/2014/main" id="{1A761A5E-5486-79D4-8361-C8D2A479D11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7913219" y="5014376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 - Jun 10</a:t>
            </a:r>
          </a:p>
        </p:txBody>
      </p:sp>
      <p:sp>
        <p:nvSpPr>
          <p:cNvPr id="166" name="OTLSHAPE_SLT_27b10f1994cb43ffabf6760b95cf6721_Title">
            <a:extLst>
              <a:ext uri="{FF2B5EF4-FFF2-40B4-BE49-F238E27FC236}">
                <a16:creationId xmlns:a16="http://schemas.microsoft.com/office/drawing/2014/main" id="{B542FAF6-DB99-D177-C017-B0B531336BFA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9255605" y="5006630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g trenches for utility lines</a:t>
            </a:r>
          </a:p>
        </p:txBody>
      </p:sp>
      <p:sp>
        <p:nvSpPr>
          <p:cNvPr id="177" name="OTLSHAPE_SLT_9e86d3882e744b3495a4baeaf50b174e_JoinedDate">
            <a:extLst>
              <a:ext uri="{FF2B5EF4-FFF2-40B4-BE49-F238E27FC236}">
                <a16:creationId xmlns:a16="http://schemas.microsoft.com/office/drawing/2014/main" id="{EF34DDBC-FA1A-2B61-7DDE-056868B4A4F0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273376" y="5613055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0 - Jun 23</a:t>
            </a:r>
          </a:p>
        </p:txBody>
      </p:sp>
      <p:sp>
        <p:nvSpPr>
          <p:cNvPr id="178" name="OTLSHAPE_SLT_9e86d3882e744b3495a4baeaf50b174e_Title">
            <a:extLst>
              <a:ext uri="{FF2B5EF4-FFF2-40B4-BE49-F238E27FC236}">
                <a16:creationId xmlns:a16="http://schemas.microsoft.com/office/drawing/2014/main" id="{666D8B1B-0FF4-9F8D-1D2E-23A798A9E44A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9083297" y="5286030"/>
            <a:ext cx="98288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water, gas, and electric lines</a:t>
            </a:r>
          </a:p>
        </p:txBody>
      </p:sp>
      <p:sp>
        <p:nvSpPr>
          <p:cNvPr id="195" name="OTLSHAPE_SLT_4a79d08381884242880fc0ef92ba131a_JoinedDate">
            <a:extLst>
              <a:ext uri="{FF2B5EF4-FFF2-40B4-BE49-F238E27FC236}">
                <a16:creationId xmlns:a16="http://schemas.microsoft.com/office/drawing/2014/main" id="{46AC7686-1DC0-C570-CD32-92EF39617618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9622754" y="605289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9FD8E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9 - Jul 5</a:t>
            </a:r>
          </a:p>
        </p:txBody>
      </p:sp>
      <p:sp>
        <p:nvSpPr>
          <p:cNvPr id="196" name="OTLSHAPE_SLT_4a79d08381884242880fc0ef92ba131a_Title">
            <a:extLst>
              <a:ext uri="{FF2B5EF4-FFF2-40B4-BE49-F238E27FC236}">
                <a16:creationId xmlns:a16="http://schemas.microsoft.com/office/drawing/2014/main" id="{C0922D5A-7B21-123A-1B34-5D70477D4243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427688" y="6193910"/>
            <a:ext cx="647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site inspections</a:t>
            </a:r>
          </a:p>
        </p:txBody>
      </p:sp>
      <p:sp>
        <p:nvSpPr>
          <p:cNvPr id="222" name="OTLSHAPE_SLM_e23bd7a823154973a97def62d6961434_Title">
            <a:extLst>
              <a:ext uri="{FF2B5EF4-FFF2-40B4-BE49-F238E27FC236}">
                <a16:creationId xmlns:a16="http://schemas.microsoft.com/office/drawing/2014/main" id="{238A9165-0A0B-EF5A-D480-DE0A1B34FF9C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0271609" y="5442536"/>
            <a:ext cx="812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pect utility installations</a:t>
            </a:r>
          </a:p>
        </p:txBody>
      </p:sp>
      <p:sp>
        <p:nvSpPr>
          <p:cNvPr id="223" name="OTLSHAPE_SLM_e23bd7a823154973a97def62d6961434_Date">
            <a:extLst>
              <a:ext uri="{FF2B5EF4-FFF2-40B4-BE49-F238E27FC236}">
                <a16:creationId xmlns:a16="http://schemas.microsoft.com/office/drawing/2014/main" id="{128C3031-E9F8-E175-3CC8-45AB806D8B2A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0271609" y="57835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FFCC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4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FFCC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OTLSHAPE_TB_00000000000000000000000000000000_MiddleTimescaleInterval2">
            <a:extLst>
              <a:ext uri="{FF2B5EF4-FFF2-40B4-BE49-F238E27FC236}">
                <a16:creationId xmlns:a16="http://schemas.microsoft.com/office/drawing/2014/main" id="{1F1B8046-55D8-0C30-D105-70C6833B8C86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2482895" y="107375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</a:t>
            </a:r>
          </a:p>
        </p:txBody>
      </p:sp>
      <p:sp>
        <p:nvSpPr>
          <p:cNvPr id="199" name="OTLSHAPE_TB_00000000000000000000000000000000_MiddleTimescaleInterval3">
            <a:extLst>
              <a:ext uri="{FF2B5EF4-FFF2-40B4-BE49-F238E27FC236}">
                <a16:creationId xmlns:a16="http://schemas.microsoft.com/office/drawing/2014/main" id="{6B8BDD4C-0092-7AF2-EF48-FC01AFF780C2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2978197" y="107375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</a:t>
            </a:r>
          </a:p>
        </p:txBody>
      </p:sp>
      <p:sp>
        <p:nvSpPr>
          <p:cNvPr id="201" name="OTLSHAPE_TB_00000000000000000000000000000000_MiddleTimescaleInterval4">
            <a:extLst>
              <a:ext uri="{FF2B5EF4-FFF2-40B4-BE49-F238E27FC236}">
                <a16:creationId xmlns:a16="http://schemas.microsoft.com/office/drawing/2014/main" id="{3AAEA6D4-00EC-1E8A-5CD7-A83EB563BB70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3473500" y="107375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</a:t>
            </a:r>
          </a:p>
        </p:txBody>
      </p:sp>
      <p:sp>
        <p:nvSpPr>
          <p:cNvPr id="203" name="OTLSHAPE_TB_00000000000000000000000000000000_MiddleTimescaleInterval5">
            <a:extLst>
              <a:ext uri="{FF2B5EF4-FFF2-40B4-BE49-F238E27FC236}">
                <a16:creationId xmlns:a16="http://schemas.microsoft.com/office/drawing/2014/main" id="{D974C56C-7389-CFAD-5D4A-7EBE25EF683A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3968802" y="107375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</a:t>
            </a:r>
          </a:p>
        </p:txBody>
      </p:sp>
      <p:sp>
        <p:nvSpPr>
          <p:cNvPr id="210" name="OTLSHAPE_TB_00000000000000000000000000000000_MiddleTimescaleInterval6">
            <a:extLst>
              <a:ext uri="{FF2B5EF4-FFF2-40B4-BE49-F238E27FC236}">
                <a16:creationId xmlns:a16="http://schemas.microsoft.com/office/drawing/2014/main" id="{F6375E9D-181C-38F9-C288-FBF8DD238D4C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4464104" y="107375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</a:t>
            </a:r>
          </a:p>
        </p:txBody>
      </p:sp>
      <p:sp>
        <p:nvSpPr>
          <p:cNvPr id="213" name="OTLSHAPE_TB_00000000000000000000000000000000_MiddleTimescaleInterval7">
            <a:extLst>
              <a:ext uri="{FF2B5EF4-FFF2-40B4-BE49-F238E27FC236}">
                <a16:creationId xmlns:a16="http://schemas.microsoft.com/office/drawing/2014/main" id="{A7A11F15-7B9E-50A1-25C7-EFA06EB1C03F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4959406" y="107375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</a:p>
        </p:txBody>
      </p:sp>
      <p:sp>
        <p:nvSpPr>
          <p:cNvPr id="224" name="OTLSHAPE_TB_00000000000000000000000000000000_MiddleTimescaleInterval8">
            <a:extLst>
              <a:ext uri="{FF2B5EF4-FFF2-40B4-BE49-F238E27FC236}">
                <a16:creationId xmlns:a16="http://schemas.microsoft.com/office/drawing/2014/main" id="{7BF30263-91A5-CBCC-A89B-2FEF2B57EB3D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5454709" y="107375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</a:t>
            </a:r>
          </a:p>
        </p:txBody>
      </p:sp>
      <p:sp>
        <p:nvSpPr>
          <p:cNvPr id="226" name="OTLSHAPE_TB_00000000000000000000000000000000_MiddleTimescaleInterval9">
            <a:extLst>
              <a:ext uri="{FF2B5EF4-FFF2-40B4-BE49-F238E27FC236}">
                <a16:creationId xmlns:a16="http://schemas.microsoft.com/office/drawing/2014/main" id="{1BA73457-4CD6-552D-03EA-3367E3DB60E0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5950011" y="107375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</a:t>
            </a:r>
          </a:p>
        </p:txBody>
      </p:sp>
      <p:sp>
        <p:nvSpPr>
          <p:cNvPr id="228" name="OTLSHAPE_TB_00000000000000000000000000000000_MiddleTimescaleInterval10">
            <a:extLst>
              <a:ext uri="{FF2B5EF4-FFF2-40B4-BE49-F238E27FC236}">
                <a16:creationId xmlns:a16="http://schemas.microsoft.com/office/drawing/2014/main" id="{8E328BD5-76F2-055A-D23B-C982AC212EAF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6445313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</a:t>
            </a:r>
          </a:p>
        </p:txBody>
      </p:sp>
      <p:sp>
        <p:nvSpPr>
          <p:cNvPr id="230" name="OTLSHAPE_TB_00000000000000000000000000000000_MiddleTimescaleInterval11">
            <a:extLst>
              <a:ext uri="{FF2B5EF4-FFF2-40B4-BE49-F238E27FC236}">
                <a16:creationId xmlns:a16="http://schemas.microsoft.com/office/drawing/2014/main" id="{B94637C1-6361-E61B-027F-509182EC2D22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6940615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</a:t>
            </a:r>
          </a:p>
        </p:txBody>
      </p:sp>
      <p:sp>
        <p:nvSpPr>
          <p:cNvPr id="232" name="OTLSHAPE_TB_00000000000000000000000000000000_MiddleTimescaleInterval12">
            <a:extLst>
              <a:ext uri="{FF2B5EF4-FFF2-40B4-BE49-F238E27FC236}">
                <a16:creationId xmlns:a16="http://schemas.microsoft.com/office/drawing/2014/main" id="{DA61F744-2040-5E0B-937B-915D6A63A86F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7435917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</a:t>
            </a:r>
          </a:p>
        </p:txBody>
      </p:sp>
      <p:sp>
        <p:nvSpPr>
          <p:cNvPr id="234" name="OTLSHAPE_TB_00000000000000000000000000000000_MiddleTimescaleInterval13">
            <a:extLst>
              <a:ext uri="{FF2B5EF4-FFF2-40B4-BE49-F238E27FC236}">
                <a16:creationId xmlns:a16="http://schemas.microsoft.com/office/drawing/2014/main" id="{8AFECFDE-76DB-95A5-D311-0074CDDBD315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7931220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</a:t>
            </a:r>
          </a:p>
        </p:txBody>
      </p:sp>
      <p:sp>
        <p:nvSpPr>
          <p:cNvPr id="236" name="OTLSHAPE_TB_00000000000000000000000000000000_MiddleTimescaleInterval14">
            <a:extLst>
              <a:ext uri="{FF2B5EF4-FFF2-40B4-BE49-F238E27FC236}">
                <a16:creationId xmlns:a16="http://schemas.microsoft.com/office/drawing/2014/main" id="{C4E14753-05CB-EC50-184D-550F50826830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8426522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</a:t>
            </a:r>
          </a:p>
        </p:txBody>
      </p:sp>
      <p:sp>
        <p:nvSpPr>
          <p:cNvPr id="238" name="OTLSHAPE_TB_00000000000000000000000000000000_MiddleTimescaleInterval15">
            <a:extLst>
              <a:ext uri="{FF2B5EF4-FFF2-40B4-BE49-F238E27FC236}">
                <a16:creationId xmlns:a16="http://schemas.microsoft.com/office/drawing/2014/main" id="{C92AF160-BB2F-6856-FB26-6EECB82179C6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8921824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</a:t>
            </a:r>
          </a:p>
        </p:txBody>
      </p:sp>
      <p:sp>
        <p:nvSpPr>
          <p:cNvPr id="240" name="OTLSHAPE_TB_00000000000000000000000000000000_MiddleTimescaleInterval16">
            <a:extLst>
              <a:ext uri="{FF2B5EF4-FFF2-40B4-BE49-F238E27FC236}">
                <a16:creationId xmlns:a16="http://schemas.microsoft.com/office/drawing/2014/main" id="{C710872C-C64F-B894-4419-DE414C1F7B5D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9417127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</a:t>
            </a:r>
          </a:p>
        </p:txBody>
      </p:sp>
      <p:sp>
        <p:nvSpPr>
          <p:cNvPr id="242" name="OTLSHAPE_TB_00000000000000000000000000000000_MiddleTimescaleInterval17">
            <a:extLst>
              <a:ext uri="{FF2B5EF4-FFF2-40B4-BE49-F238E27FC236}">
                <a16:creationId xmlns:a16="http://schemas.microsoft.com/office/drawing/2014/main" id="{3E057D30-3604-D11B-F316-6A952FF2439D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9912429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</a:t>
            </a:r>
          </a:p>
        </p:txBody>
      </p:sp>
      <p:sp>
        <p:nvSpPr>
          <p:cNvPr id="244" name="OTLSHAPE_TB_00000000000000000000000000000000_MiddleTimescaleInterval18">
            <a:extLst>
              <a:ext uri="{FF2B5EF4-FFF2-40B4-BE49-F238E27FC236}">
                <a16:creationId xmlns:a16="http://schemas.microsoft.com/office/drawing/2014/main" id="{ECBF1EA6-3D3C-421C-04DD-3FD252FCEB15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0407731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</a:t>
            </a:r>
          </a:p>
        </p:txBody>
      </p:sp>
      <p:sp>
        <p:nvSpPr>
          <p:cNvPr id="246" name="OTLSHAPE_TB_00000000000000000000000000000000_MiddleTimescaleInterval19">
            <a:extLst>
              <a:ext uri="{FF2B5EF4-FFF2-40B4-BE49-F238E27FC236}">
                <a16:creationId xmlns:a16="http://schemas.microsoft.com/office/drawing/2014/main" id="{259959F1-960F-B7BD-88CD-2621AD88374F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0903033" y="107375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</a:t>
            </a:r>
          </a:p>
        </p:txBody>
      </p:sp>
      <p:sp>
        <p:nvSpPr>
          <p:cNvPr id="6" name="OTLSHAPE_TB_00000000000000000000000000000000_MiddleTimescaleInterval1" hidden="1">
            <a:extLst>
              <a:ext uri="{FF2B5EF4-FFF2-40B4-BE49-F238E27FC236}">
                <a16:creationId xmlns:a16="http://schemas.microsoft.com/office/drawing/2014/main" id="{9576F4AB-828E-4A08-3A37-7D69C22AA62D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667" y="58866"/>
            <a:ext cx="4826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1</a:t>
            </a:r>
          </a:p>
        </p:txBody>
      </p:sp>
      <p:sp>
        <p:nvSpPr>
          <p:cNvPr id="20" name="OTLSHAPE_TB_00000000000000000000000000000000_TodayMarkerText" hidden="1">
            <a:extLst>
              <a:ext uri="{FF2B5EF4-FFF2-40B4-BE49-F238E27FC236}">
                <a16:creationId xmlns:a16="http://schemas.microsoft.com/office/drawing/2014/main" id="{BE669E4C-6F61-940B-2AE1-59F4C4B12CBE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-168985" y="58866"/>
            <a:ext cx="3683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61" name="OTLSHAPE_SLT_d0fd9c5334d946d0b358fd6f97e96303_Duration" hidden="1">
            <a:extLst>
              <a:ext uri="{FF2B5EF4-FFF2-40B4-BE49-F238E27FC236}">
                <a16:creationId xmlns:a16="http://schemas.microsoft.com/office/drawing/2014/main" id="{6DECF355-A857-A6D5-A8CC-E44941D50FAA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days</a:t>
            </a:r>
          </a:p>
        </p:txBody>
      </p:sp>
      <p:sp>
        <p:nvSpPr>
          <p:cNvPr id="62" name="OTLSHAPE_SLT_d0fd9c5334d946d0b358fd6f97e96303_TextPercentage" hidden="1">
            <a:extLst>
              <a:ext uri="{FF2B5EF4-FFF2-40B4-BE49-F238E27FC236}">
                <a16:creationId xmlns:a16="http://schemas.microsoft.com/office/drawing/2014/main" id="{57EA5B4A-E53F-A3EE-7A75-B9272CEAF80C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63" name="OTLSHAPE_SLT_d0fd9c5334d946d0b358fd6f97e96303_Variance" hidden="1">
            <a:extLst>
              <a:ext uri="{FF2B5EF4-FFF2-40B4-BE49-F238E27FC236}">
                <a16:creationId xmlns:a16="http://schemas.microsoft.com/office/drawing/2014/main" id="{9ECCE65E-661C-601F-B0B7-6FEB442F9875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4" name="OTLSHAPE_SLT_d0fd9c5334d946d0b358fd6f97e96303_StartDate" hidden="1">
            <a:extLst>
              <a:ext uri="{FF2B5EF4-FFF2-40B4-BE49-F238E27FC236}">
                <a16:creationId xmlns:a16="http://schemas.microsoft.com/office/drawing/2014/main" id="{2A773425-2617-3508-6389-BC9462972A3E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5" name="OTLSHAPE_SLT_d0fd9c5334d946d0b358fd6f97e96303_EndDate" hidden="1">
            <a:extLst>
              <a:ext uri="{FF2B5EF4-FFF2-40B4-BE49-F238E27FC236}">
                <a16:creationId xmlns:a16="http://schemas.microsoft.com/office/drawing/2014/main" id="{E79FDB24-6B46-A89B-8C99-70E72A948578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8" name="OTLSHAPE_SLM_99721cb89e814a0b9770992ecd6f82b8_Variance" hidden="1">
            <a:extLst>
              <a:ext uri="{FF2B5EF4-FFF2-40B4-BE49-F238E27FC236}">
                <a16:creationId xmlns:a16="http://schemas.microsoft.com/office/drawing/2014/main" id="{42418BCF-2981-B7D5-C0ED-ACC74C319CB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75" name="OTLSHAPE_SLT_5851ff1b4a4a4a92abe59eb83b1f5724_Duration" hidden="1">
            <a:extLst>
              <a:ext uri="{FF2B5EF4-FFF2-40B4-BE49-F238E27FC236}">
                <a16:creationId xmlns:a16="http://schemas.microsoft.com/office/drawing/2014/main" id="{E3547471-A241-89C8-980C-8BFF85A4AF10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 days</a:t>
            </a:r>
          </a:p>
        </p:txBody>
      </p:sp>
      <p:sp>
        <p:nvSpPr>
          <p:cNvPr id="76" name="OTLSHAPE_SLT_5851ff1b4a4a4a92abe59eb83b1f5724_TextPercentage" hidden="1">
            <a:extLst>
              <a:ext uri="{FF2B5EF4-FFF2-40B4-BE49-F238E27FC236}">
                <a16:creationId xmlns:a16="http://schemas.microsoft.com/office/drawing/2014/main" id="{BBCA6658-11B8-F135-50E0-B11F186EA402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77" name="OTLSHAPE_SLT_5851ff1b4a4a4a92abe59eb83b1f5724_Variance" hidden="1">
            <a:extLst>
              <a:ext uri="{FF2B5EF4-FFF2-40B4-BE49-F238E27FC236}">
                <a16:creationId xmlns:a16="http://schemas.microsoft.com/office/drawing/2014/main" id="{839B9214-A9C1-A64A-6A65-B6F79AA98288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0" name="OTLSHAPE_SLT_5851ff1b4a4a4a92abe59eb83b1f5724_StartDate" hidden="1">
            <a:extLst>
              <a:ext uri="{FF2B5EF4-FFF2-40B4-BE49-F238E27FC236}">
                <a16:creationId xmlns:a16="http://schemas.microsoft.com/office/drawing/2014/main" id="{23D44A02-F923-6995-709D-B93924FDE759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" name="OTLSHAPE_SLT_5851ff1b4a4a4a92abe59eb83b1f5724_EndDate" hidden="1">
            <a:extLst>
              <a:ext uri="{FF2B5EF4-FFF2-40B4-BE49-F238E27FC236}">
                <a16:creationId xmlns:a16="http://schemas.microsoft.com/office/drawing/2014/main" id="{E6A79C1F-7651-4C61-812B-2098F0667D41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SLT_012a2c9552c34ed1a0ee8eb2890d6f43_Duration" hidden="1">
            <a:extLst>
              <a:ext uri="{FF2B5EF4-FFF2-40B4-BE49-F238E27FC236}">
                <a16:creationId xmlns:a16="http://schemas.microsoft.com/office/drawing/2014/main" id="{C426777A-A468-690B-80B6-5B8C5DF4B326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89" name="OTLSHAPE_SLT_012a2c9552c34ed1a0ee8eb2890d6f43_TextPercentage" hidden="1">
            <a:extLst>
              <a:ext uri="{FF2B5EF4-FFF2-40B4-BE49-F238E27FC236}">
                <a16:creationId xmlns:a16="http://schemas.microsoft.com/office/drawing/2014/main" id="{1DBE950B-CE12-E183-7534-D83216A2113E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2" name="OTLSHAPE_SLT_012a2c9552c34ed1a0ee8eb2890d6f43_Variance" hidden="1">
            <a:extLst>
              <a:ext uri="{FF2B5EF4-FFF2-40B4-BE49-F238E27FC236}">
                <a16:creationId xmlns:a16="http://schemas.microsoft.com/office/drawing/2014/main" id="{1A7AE0C6-4F52-9B2B-8ECE-11DF621A013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0" name="OTLSHAPE_SLT_012a2c9552c34ed1a0ee8eb2890d6f43_StartDate" hidden="1">
            <a:extLst>
              <a:ext uri="{FF2B5EF4-FFF2-40B4-BE49-F238E27FC236}">
                <a16:creationId xmlns:a16="http://schemas.microsoft.com/office/drawing/2014/main" id="{2483945D-90E2-3B2A-4EF9-DFEECD634575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1" name="OTLSHAPE_SLT_012a2c9552c34ed1a0ee8eb2890d6f43_EndDate" hidden="1">
            <a:extLst>
              <a:ext uri="{FF2B5EF4-FFF2-40B4-BE49-F238E27FC236}">
                <a16:creationId xmlns:a16="http://schemas.microsoft.com/office/drawing/2014/main" id="{4FC7C237-0472-8204-919F-5CB1E215AB37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4" name="OTLSHAPE_SLT_35e7d4c2915d4cdeb19899ab6275dc8a_Duration" hidden="1">
            <a:extLst>
              <a:ext uri="{FF2B5EF4-FFF2-40B4-BE49-F238E27FC236}">
                <a16:creationId xmlns:a16="http://schemas.microsoft.com/office/drawing/2014/main" id="{A5DFC039-A9AA-8299-873F-68368D63B102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107" name="OTLSHAPE_SLT_35e7d4c2915d4cdeb19899ab6275dc8a_TextPercentage" hidden="1">
            <a:extLst>
              <a:ext uri="{FF2B5EF4-FFF2-40B4-BE49-F238E27FC236}">
                <a16:creationId xmlns:a16="http://schemas.microsoft.com/office/drawing/2014/main" id="{DEFE78D2-B431-7753-8D06-C29A7A8D3B51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2" name="OTLSHAPE_SLT_35e7d4c2915d4cdeb19899ab6275dc8a_Variance" hidden="1">
            <a:extLst>
              <a:ext uri="{FF2B5EF4-FFF2-40B4-BE49-F238E27FC236}">
                <a16:creationId xmlns:a16="http://schemas.microsoft.com/office/drawing/2014/main" id="{CA12CBCA-6851-E2D7-18F4-4D12D6255AC8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3" name="OTLSHAPE_SLT_35e7d4c2915d4cdeb19899ab6275dc8a_StartDate" hidden="1">
            <a:extLst>
              <a:ext uri="{FF2B5EF4-FFF2-40B4-BE49-F238E27FC236}">
                <a16:creationId xmlns:a16="http://schemas.microsoft.com/office/drawing/2014/main" id="{138656CF-1CC0-0F50-4C8F-C6BAA764D246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4" name="OTLSHAPE_SLT_35e7d4c2915d4cdeb19899ab6275dc8a_EndDate" hidden="1">
            <a:extLst>
              <a:ext uri="{FF2B5EF4-FFF2-40B4-BE49-F238E27FC236}">
                <a16:creationId xmlns:a16="http://schemas.microsoft.com/office/drawing/2014/main" id="{9020E7EA-31FC-36BA-B6F3-7FC36E6215C9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5" name="OTLSHAPE_SLM_005f62e5d6c94e14ba1f0fa8e1cb70b3_Variance" hidden="1">
            <a:extLst>
              <a:ext uri="{FF2B5EF4-FFF2-40B4-BE49-F238E27FC236}">
                <a16:creationId xmlns:a16="http://schemas.microsoft.com/office/drawing/2014/main" id="{33C24072-200A-7222-BE18-7A1EECE81F5A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24" name="OTLSHAPE_SLT_0de5e6a22f304563b6c98b29b1a11f71_Duration" hidden="1">
            <a:extLst>
              <a:ext uri="{FF2B5EF4-FFF2-40B4-BE49-F238E27FC236}">
                <a16:creationId xmlns:a16="http://schemas.microsoft.com/office/drawing/2014/main" id="{68999F16-D4B0-D2A4-5630-45EE13DD3A8A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days</a:t>
            </a:r>
          </a:p>
        </p:txBody>
      </p:sp>
      <p:sp>
        <p:nvSpPr>
          <p:cNvPr id="125" name="OTLSHAPE_SLT_0de5e6a22f304563b6c98b29b1a11f71_TextPercentage" hidden="1">
            <a:extLst>
              <a:ext uri="{FF2B5EF4-FFF2-40B4-BE49-F238E27FC236}">
                <a16:creationId xmlns:a16="http://schemas.microsoft.com/office/drawing/2014/main" id="{F4D9F073-174B-7308-2A1E-ED690C83EF05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26" name="OTLSHAPE_SLT_0de5e6a22f304563b6c98b29b1a11f71_Variance" hidden="1">
            <a:extLst>
              <a:ext uri="{FF2B5EF4-FFF2-40B4-BE49-F238E27FC236}">
                <a16:creationId xmlns:a16="http://schemas.microsoft.com/office/drawing/2014/main" id="{44869BB0-B15D-3BBE-C0AB-0467FF9B3219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7" name="OTLSHAPE_SLT_0de5e6a22f304563b6c98b29b1a11f71_StartDate" hidden="1">
            <a:extLst>
              <a:ext uri="{FF2B5EF4-FFF2-40B4-BE49-F238E27FC236}">
                <a16:creationId xmlns:a16="http://schemas.microsoft.com/office/drawing/2014/main" id="{E9ED69C0-2077-FBDB-954E-CB3A24B67959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8" name="OTLSHAPE_SLT_0de5e6a22f304563b6c98b29b1a11f71_EndDate" hidden="1">
            <a:extLst>
              <a:ext uri="{FF2B5EF4-FFF2-40B4-BE49-F238E27FC236}">
                <a16:creationId xmlns:a16="http://schemas.microsoft.com/office/drawing/2014/main" id="{A3B849FA-27DD-6ED5-A0CB-5475C06223C0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7" name="OTLSHAPE_SLT_e34c4bd7b9ed4ed9b0ae10eeb93ec051_Duration" hidden="1">
            <a:extLst>
              <a:ext uri="{FF2B5EF4-FFF2-40B4-BE49-F238E27FC236}">
                <a16:creationId xmlns:a16="http://schemas.microsoft.com/office/drawing/2014/main" id="{C229D5B5-C4D3-5FC4-DD07-AFCEE3A22F45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138" name="OTLSHAPE_SLT_e34c4bd7b9ed4ed9b0ae10eeb93ec051_TextPercentage" hidden="1">
            <a:extLst>
              <a:ext uri="{FF2B5EF4-FFF2-40B4-BE49-F238E27FC236}">
                <a16:creationId xmlns:a16="http://schemas.microsoft.com/office/drawing/2014/main" id="{70023D50-0117-64AE-1397-FD239E51258B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9" name="OTLSHAPE_SLT_e34c4bd7b9ed4ed9b0ae10eeb93ec051_Variance" hidden="1">
            <a:extLst>
              <a:ext uri="{FF2B5EF4-FFF2-40B4-BE49-F238E27FC236}">
                <a16:creationId xmlns:a16="http://schemas.microsoft.com/office/drawing/2014/main" id="{4632F7D8-410E-D415-9E94-E35815AE8A9A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0" name="OTLSHAPE_SLT_e34c4bd7b9ed4ed9b0ae10eeb93ec051_StartDate" hidden="1">
            <a:extLst>
              <a:ext uri="{FF2B5EF4-FFF2-40B4-BE49-F238E27FC236}">
                <a16:creationId xmlns:a16="http://schemas.microsoft.com/office/drawing/2014/main" id="{0F0928D7-0CA1-43B4-1A1C-3FE2CF889E9B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3" name="OTLSHAPE_SLT_e34c4bd7b9ed4ed9b0ae10eeb93ec051_EndDate" hidden="1">
            <a:extLst>
              <a:ext uri="{FF2B5EF4-FFF2-40B4-BE49-F238E27FC236}">
                <a16:creationId xmlns:a16="http://schemas.microsoft.com/office/drawing/2014/main" id="{83330ACD-5481-1CF8-E93A-0DDC043335EC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0" name="OTLSHAPE_SLT_6eb322de14044f55ad0b0e0b5b50c3c7_Duration" hidden="1">
            <a:extLst>
              <a:ext uri="{FF2B5EF4-FFF2-40B4-BE49-F238E27FC236}">
                <a16:creationId xmlns:a16="http://schemas.microsoft.com/office/drawing/2014/main" id="{BCF9A597-5745-7BC2-A416-B38B3B3B2056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 days</a:t>
            </a:r>
          </a:p>
        </p:txBody>
      </p:sp>
      <p:sp>
        <p:nvSpPr>
          <p:cNvPr id="151" name="OTLSHAPE_SLT_6eb322de14044f55ad0b0e0b5b50c3c7_TextPercentage" hidden="1">
            <a:extLst>
              <a:ext uri="{FF2B5EF4-FFF2-40B4-BE49-F238E27FC236}">
                <a16:creationId xmlns:a16="http://schemas.microsoft.com/office/drawing/2014/main" id="{C62F8A36-035B-FB1C-9C5B-0687EEE507DC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2" name="OTLSHAPE_SLT_6eb322de14044f55ad0b0e0b5b50c3c7_Variance" hidden="1">
            <a:extLst>
              <a:ext uri="{FF2B5EF4-FFF2-40B4-BE49-F238E27FC236}">
                <a16:creationId xmlns:a16="http://schemas.microsoft.com/office/drawing/2014/main" id="{1158D824-9DBC-64BC-4F3F-1091B02E958A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5" name="OTLSHAPE_SLT_6eb322de14044f55ad0b0e0b5b50c3c7_StartDate" hidden="1">
            <a:extLst>
              <a:ext uri="{FF2B5EF4-FFF2-40B4-BE49-F238E27FC236}">
                <a16:creationId xmlns:a16="http://schemas.microsoft.com/office/drawing/2014/main" id="{EA8E792B-1B7D-205F-576A-CC1FB1A5A69E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0" name="OTLSHAPE_SLT_6eb322de14044f55ad0b0e0b5b50c3c7_EndDate" hidden="1">
            <a:extLst>
              <a:ext uri="{FF2B5EF4-FFF2-40B4-BE49-F238E27FC236}">
                <a16:creationId xmlns:a16="http://schemas.microsoft.com/office/drawing/2014/main" id="{043F7DBE-8554-CA65-B796-847B43F4ADF9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3" name="OTLSHAPE_SLT_efd2478d733745069ab8582476b8bc7f_Duration" hidden="1">
            <a:extLst>
              <a:ext uri="{FF2B5EF4-FFF2-40B4-BE49-F238E27FC236}">
                <a16:creationId xmlns:a16="http://schemas.microsoft.com/office/drawing/2014/main" id="{5DAE0AC4-A84C-E23F-58BA-7B15476DF271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 days</a:t>
            </a:r>
          </a:p>
        </p:txBody>
      </p:sp>
      <p:sp>
        <p:nvSpPr>
          <p:cNvPr id="164" name="OTLSHAPE_SLT_efd2478d733745069ab8582476b8bc7f_TextPercentage" hidden="1">
            <a:extLst>
              <a:ext uri="{FF2B5EF4-FFF2-40B4-BE49-F238E27FC236}">
                <a16:creationId xmlns:a16="http://schemas.microsoft.com/office/drawing/2014/main" id="{73A5D578-7A7D-780E-04B6-4344939072B9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67" name="OTLSHAPE_SLT_efd2478d733745069ab8582476b8bc7f_Variance" hidden="1">
            <a:extLst>
              <a:ext uri="{FF2B5EF4-FFF2-40B4-BE49-F238E27FC236}">
                <a16:creationId xmlns:a16="http://schemas.microsoft.com/office/drawing/2014/main" id="{2C1982F6-3277-C546-FD64-F957E2C29821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2" name="OTLSHAPE_SLT_efd2478d733745069ab8582476b8bc7f_StartDate" hidden="1">
            <a:extLst>
              <a:ext uri="{FF2B5EF4-FFF2-40B4-BE49-F238E27FC236}">
                <a16:creationId xmlns:a16="http://schemas.microsoft.com/office/drawing/2014/main" id="{742F6D34-CF3E-4EE9-E64F-BDEE3EDD7878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3" name="OTLSHAPE_SLT_efd2478d733745069ab8582476b8bc7f_EndDate" hidden="1">
            <a:extLst>
              <a:ext uri="{FF2B5EF4-FFF2-40B4-BE49-F238E27FC236}">
                <a16:creationId xmlns:a16="http://schemas.microsoft.com/office/drawing/2014/main" id="{B382CCCF-D5D3-95E6-4496-E5BA059ADF7E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6" name="OTLSHAPE_SLT_80cb09d2e70d46d69566c36f1c888e14_Duration" hidden="1">
            <a:extLst>
              <a:ext uri="{FF2B5EF4-FFF2-40B4-BE49-F238E27FC236}">
                <a16:creationId xmlns:a16="http://schemas.microsoft.com/office/drawing/2014/main" id="{356D4896-0306-A9ED-572A-FD6A3164A213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 days</a:t>
            </a:r>
          </a:p>
        </p:txBody>
      </p:sp>
      <p:sp>
        <p:nvSpPr>
          <p:cNvPr id="179" name="OTLSHAPE_SLT_80cb09d2e70d46d69566c36f1c888e14_TextPercentage" hidden="1">
            <a:extLst>
              <a:ext uri="{FF2B5EF4-FFF2-40B4-BE49-F238E27FC236}">
                <a16:creationId xmlns:a16="http://schemas.microsoft.com/office/drawing/2014/main" id="{6136F901-D69A-9E92-93E6-8F2F9E273E90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2" name="OTLSHAPE_SLT_80cb09d2e70d46d69566c36f1c888e14_Variance" hidden="1">
            <a:extLst>
              <a:ext uri="{FF2B5EF4-FFF2-40B4-BE49-F238E27FC236}">
                <a16:creationId xmlns:a16="http://schemas.microsoft.com/office/drawing/2014/main" id="{69C8BBBD-46E7-55AE-AFE5-06A93F621C45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3" name="OTLSHAPE_SLT_80cb09d2e70d46d69566c36f1c888e14_StartDate" hidden="1">
            <a:extLst>
              <a:ext uri="{FF2B5EF4-FFF2-40B4-BE49-F238E27FC236}">
                <a16:creationId xmlns:a16="http://schemas.microsoft.com/office/drawing/2014/main" id="{1CCAEFD4-1135-3694-8CB3-38A4BD58760F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0" name="OTLSHAPE_SLT_80cb09d2e70d46d69566c36f1c888e14_EndDate" hidden="1">
            <a:extLst>
              <a:ext uri="{FF2B5EF4-FFF2-40B4-BE49-F238E27FC236}">
                <a16:creationId xmlns:a16="http://schemas.microsoft.com/office/drawing/2014/main" id="{C3BA348E-6467-7487-9E96-102ED9FB29E4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SLT_27b10f1994cb43ffabf6760b95cf6721_Duration" hidden="1">
            <a:extLst>
              <a:ext uri="{FF2B5EF4-FFF2-40B4-BE49-F238E27FC236}">
                <a16:creationId xmlns:a16="http://schemas.microsoft.com/office/drawing/2014/main" id="{B0798141-4054-25F0-AA65-0AE799049B8B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194" name="OTLSHAPE_SLT_27b10f1994cb43ffabf6760b95cf6721_TextPercentage" hidden="1">
            <a:extLst>
              <a:ext uri="{FF2B5EF4-FFF2-40B4-BE49-F238E27FC236}">
                <a16:creationId xmlns:a16="http://schemas.microsoft.com/office/drawing/2014/main" id="{19839AAE-99E2-B382-75AC-9812967D94D3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7" name="OTLSHAPE_SLT_27b10f1994cb43ffabf6760b95cf6721_Variance" hidden="1">
            <a:extLst>
              <a:ext uri="{FF2B5EF4-FFF2-40B4-BE49-F238E27FC236}">
                <a16:creationId xmlns:a16="http://schemas.microsoft.com/office/drawing/2014/main" id="{3C02CB83-08E2-52D3-C446-2DB1CC29DE77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7" name="OTLSHAPE_SLT_27b10f1994cb43ffabf6760b95cf6721_StartDate" hidden="1">
            <a:extLst>
              <a:ext uri="{FF2B5EF4-FFF2-40B4-BE49-F238E27FC236}">
                <a16:creationId xmlns:a16="http://schemas.microsoft.com/office/drawing/2014/main" id="{8E163987-B673-5619-F503-59694930DB5C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9" name="OTLSHAPE_SLT_27b10f1994cb43ffabf6760b95cf6721_EndDate" hidden="1">
            <a:extLst>
              <a:ext uri="{FF2B5EF4-FFF2-40B4-BE49-F238E27FC236}">
                <a16:creationId xmlns:a16="http://schemas.microsoft.com/office/drawing/2014/main" id="{CAB5D20D-66DA-647E-B0D9-C66160AF539E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2" name="OTLSHAPE_SLT_9e86d3882e744b3495a4baeaf50b174e_Duration" hidden="1">
            <a:extLst>
              <a:ext uri="{FF2B5EF4-FFF2-40B4-BE49-F238E27FC236}">
                <a16:creationId xmlns:a16="http://schemas.microsoft.com/office/drawing/2014/main" id="{2B9F5CD0-07B2-6595-5A93-0317021D5DAB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-304859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273" name="OTLSHAPE_SLT_9e86d3882e744b3495a4baeaf50b174e_TextPercentage" hidden="1">
            <a:extLst>
              <a:ext uri="{FF2B5EF4-FFF2-40B4-BE49-F238E27FC236}">
                <a16:creationId xmlns:a16="http://schemas.microsoft.com/office/drawing/2014/main" id="{DDD2F6B3-9919-64FC-2E0A-0C5EEA1FBA9F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4" name="OTLSHAPE_SLT_9e86d3882e744b3495a4baeaf50b174e_Variance" hidden="1">
            <a:extLst>
              <a:ext uri="{FF2B5EF4-FFF2-40B4-BE49-F238E27FC236}">
                <a16:creationId xmlns:a16="http://schemas.microsoft.com/office/drawing/2014/main" id="{A9E9A9BC-D108-FD9A-8645-76111F021487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5" name="OTLSHAPE_SLT_9e86d3882e744b3495a4baeaf50b174e_StartDate" hidden="1">
            <a:extLst>
              <a:ext uri="{FF2B5EF4-FFF2-40B4-BE49-F238E27FC236}">
                <a16:creationId xmlns:a16="http://schemas.microsoft.com/office/drawing/2014/main" id="{4FADE830-C567-3B83-1C5B-3157DE1CC516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6" name="OTLSHAPE_SLT_9e86d3882e744b3495a4baeaf50b174e_EndDate" hidden="1">
            <a:extLst>
              <a:ext uri="{FF2B5EF4-FFF2-40B4-BE49-F238E27FC236}">
                <a16:creationId xmlns:a16="http://schemas.microsoft.com/office/drawing/2014/main" id="{9F9BB50C-42B5-8900-0757-8B095BB08F16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7" name="OTLSHAPE_SLM_e23bd7a823154973a97def62d6961434_Variance" hidden="1">
            <a:extLst>
              <a:ext uri="{FF2B5EF4-FFF2-40B4-BE49-F238E27FC236}">
                <a16:creationId xmlns:a16="http://schemas.microsoft.com/office/drawing/2014/main" id="{D94CC05B-F502-593B-5DE2-15C4A9021F60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12700" y="-171084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3 days</a:t>
            </a:r>
          </a:p>
        </p:txBody>
      </p:sp>
      <p:sp>
        <p:nvSpPr>
          <p:cNvPr id="280" name="OTLSHAPE_SLT_4a79d08381884242880fc0ef92ba131a_Duration" hidden="1">
            <a:extLst>
              <a:ext uri="{FF2B5EF4-FFF2-40B4-BE49-F238E27FC236}">
                <a16:creationId xmlns:a16="http://schemas.microsoft.com/office/drawing/2014/main" id="{86667246-00A5-7FCF-4185-750E258BF85B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281" name="OTLSHAPE_SLT_4a79d08381884242880fc0ef92ba131a_TextPercentage" hidden="1">
            <a:extLst>
              <a:ext uri="{FF2B5EF4-FFF2-40B4-BE49-F238E27FC236}">
                <a16:creationId xmlns:a16="http://schemas.microsoft.com/office/drawing/2014/main" id="{80F77383-8128-024C-161F-3FDF6CB1077A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2" name="OTLSHAPE_SLT_4a79d08381884242880fc0ef92ba131a_Variance" hidden="1">
            <a:extLst>
              <a:ext uri="{FF2B5EF4-FFF2-40B4-BE49-F238E27FC236}">
                <a16:creationId xmlns:a16="http://schemas.microsoft.com/office/drawing/2014/main" id="{88A86A11-A9A9-01CA-E480-AD1ABFB5BD22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3" name="OTLSHAPE_SLT_4a79d08381884242880fc0ef92ba131a_StartDate" hidden="1">
            <a:extLst>
              <a:ext uri="{FF2B5EF4-FFF2-40B4-BE49-F238E27FC236}">
                <a16:creationId xmlns:a16="http://schemas.microsoft.com/office/drawing/2014/main" id="{3E173FF5-01D1-AA5F-C981-18721FFE2FC3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4" name="OTLSHAPE_SLT_4a79d08381884242880fc0ef92ba131a_EndDate" hidden="1">
            <a:extLst>
              <a:ext uri="{FF2B5EF4-FFF2-40B4-BE49-F238E27FC236}">
                <a16:creationId xmlns:a16="http://schemas.microsoft.com/office/drawing/2014/main" id="{531CD222-0C42-BB42-A6D1-D568137CE3F9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9FD8E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E950A7E-0EEB-2FD6-8B13-7E5184C46E23}"/>
              </a:ext>
            </a:extLst>
          </p:cNvPr>
          <p:cNvCxnSpPr/>
          <p:nvPr>
            <p:custDataLst>
              <p:tags r:id="rId252"/>
            </p:custDataLst>
          </p:nvPr>
        </p:nvCxnSpPr>
        <p:spPr>
          <a:xfrm>
            <a:off x="4130273" y="9016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1F0D6712-D0CD-6AF3-BECA-30D13CF2B0E2}"/>
              </a:ext>
            </a:extLst>
          </p:cNvPr>
          <p:cNvCxnSpPr/>
          <p:nvPr>
            <p:custDataLst>
              <p:tags r:id="rId253"/>
            </p:custDataLst>
          </p:nvPr>
        </p:nvCxnSpPr>
        <p:spPr>
          <a:xfrm>
            <a:off x="6252997" y="9016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B4F852E4-938C-9901-429D-8323893CB56A}"/>
              </a:ext>
            </a:extLst>
          </p:cNvPr>
          <p:cNvCxnSpPr/>
          <p:nvPr>
            <p:custDataLst>
              <p:tags r:id="rId254"/>
            </p:custDataLst>
          </p:nvPr>
        </p:nvCxnSpPr>
        <p:spPr>
          <a:xfrm>
            <a:off x="8446479" y="9016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46AEE2B6-8E48-5693-C16D-6D7FDB46086B}"/>
              </a:ext>
            </a:extLst>
          </p:cNvPr>
          <p:cNvCxnSpPr/>
          <p:nvPr>
            <p:custDataLst>
              <p:tags r:id="rId255"/>
            </p:custDataLst>
          </p:nvPr>
        </p:nvCxnSpPr>
        <p:spPr>
          <a:xfrm>
            <a:off x="10569203" y="9016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B_00000000000000000000000000000000_MiddleSeparator1">
            <a:extLst>
              <a:ext uri="{FF2B5EF4-FFF2-40B4-BE49-F238E27FC236}">
                <a16:creationId xmlns:a16="http://schemas.microsoft.com/office/drawing/2014/main" id="{A6DD5ADC-C8AB-F9D7-67FC-80C8DC4FAD56}"/>
              </a:ext>
            </a:extLst>
          </p:cNvPr>
          <p:cNvCxnSpPr/>
          <p:nvPr>
            <p:custDataLst>
              <p:tags r:id="rId256"/>
            </p:custDataLst>
          </p:nvPr>
        </p:nvCxnSpPr>
        <p:spPr>
          <a:xfrm>
            <a:off x="2432094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B_00000000000000000000000000000000_MiddleSeparator2">
            <a:extLst>
              <a:ext uri="{FF2B5EF4-FFF2-40B4-BE49-F238E27FC236}">
                <a16:creationId xmlns:a16="http://schemas.microsoft.com/office/drawing/2014/main" id="{C3E53AF1-5459-43D3-1472-F9055AB3A63B}"/>
              </a:ext>
            </a:extLst>
          </p:cNvPr>
          <p:cNvCxnSpPr/>
          <p:nvPr>
            <p:custDataLst>
              <p:tags r:id="rId257"/>
            </p:custDataLst>
          </p:nvPr>
        </p:nvCxnSpPr>
        <p:spPr>
          <a:xfrm>
            <a:off x="2927397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0" name="OTLSHAPE_TB_00000000000000000000000000000000_MiddleSeparator3">
            <a:extLst>
              <a:ext uri="{FF2B5EF4-FFF2-40B4-BE49-F238E27FC236}">
                <a16:creationId xmlns:a16="http://schemas.microsoft.com/office/drawing/2014/main" id="{BEB4F315-2F71-B7F0-F1C9-2EC546E65F5D}"/>
              </a:ext>
            </a:extLst>
          </p:cNvPr>
          <p:cNvCxnSpPr/>
          <p:nvPr>
            <p:custDataLst>
              <p:tags r:id="rId258"/>
            </p:custDataLst>
          </p:nvPr>
        </p:nvCxnSpPr>
        <p:spPr>
          <a:xfrm>
            <a:off x="3422699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B_00000000000000000000000000000000_MiddleSeparator4">
            <a:extLst>
              <a:ext uri="{FF2B5EF4-FFF2-40B4-BE49-F238E27FC236}">
                <a16:creationId xmlns:a16="http://schemas.microsoft.com/office/drawing/2014/main" id="{A02B0098-FE25-8F03-967B-D2ED76D96396}"/>
              </a:ext>
            </a:extLst>
          </p:cNvPr>
          <p:cNvCxnSpPr/>
          <p:nvPr>
            <p:custDataLst>
              <p:tags r:id="rId259"/>
            </p:custDataLst>
          </p:nvPr>
        </p:nvCxnSpPr>
        <p:spPr>
          <a:xfrm>
            <a:off x="3918001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TB_00000000000000000000000000000000_MiddleSeparator5">
            <a:extLst>
              <a:ext uri="{FF2B5EF4-FFF2-40B4-BE49-F238E27FC236}">
                <a16:creationId xmlns:a16="http://schemas.microsoft.com/office/drawing/2014/main" id="{77C85A07-8C90-DA38-BE38-6F8FF955B345}"/>
              </a:ext>
            </a:extLst>
          </p:cNvPr>
          <p:cNvCxnSpPr/>
          <p:nvPr>
            <p:custDataLst>
              <p:tags r:id="rId260"/>
            </p:custDataLst>
          </p:nvPr>
        </p:nvCxnSpPr>
        <p:spPr>
          <a:xfrm>
            <a:off x="4413303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B_00000000000000000000000000000000_MiddleSeparator6">
            <a:extLst>
              <a:ext uri="{FF2B5EF4-FFF2-40B4-BE49-F238E27FC236}">
                <a16:creationId xmlns:a16="http://schemas.microsoft.com/office/drawing/2014/main" id="{9484B255-4543-88EA-08A1-199241B3A916}"/>
              </a:ext>
            </a:extLst>
          </p:cNvPr>
          <p:cNvCxnSpPr/>
          <p:nvPr>
            <p:custDataLst>
              <p:tags r:id="rId261"/>
            </p:custDataLst>
          </p:nvPr>
        </p:nvCxnSpPr>
        <p:spPr>
          <a:xfrm>
            <a:off x="4908605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B_00000000000000000000000000000000_MiddleSeparator7">
            <a:extLst>
              <a:ext uri="{FF2B5EF4-FFF2-40B4-BE49-F238E27FC236}">
                <a16:creationId xmlns:a16="http://schemas.microsoft.com/office/drawing/2014/main" id="{17DF2E10-3892-D7AF-D2EA-5D285CD10350}"/>
              </a:ext>
            </a:extLst>
          </p:cNvPr>
          <p:cNvCxnSpPr/>
          <p:nvPr>
            <p:custDataLst>
              <p:tags r:id="rId262"/>
            </p:custDataLst>
          </p:nvPr>
        </p:nvCxnSpPr>
        <p:spPr>
          <a:xfrm>
            <a:off x="5403908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B_00000000000000000000000000000000_MiddleSeparator8">
            <a:extLst>
              <a:ext uri="{FF2B5EF4-FFF2-40B4-BE49-F238E27FC236}">
                <a16:creationId xmlns:a16="http://schemas.microsoft.com/office/drawing/2014/main" id="{59C6BAA7-9215-9E15-A9D4-EF2702938B97}"/>
              </a:ext>
            </a:extLst>
          </p:cNvPr>
          <p:cNvCxnSpPr/>
          <p:nvPr>
            <p:custDataLst>
              <p:tags r:id="rId263"/>
            </p:custDataLst>
          </p:nvPr>
        </p:nvCxnSpPr>
        <p:spPr>
          <a:xfrm>
            <a:off x="5899210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B_00000000000000000000000000000000_MiddleSeparator9">
            <a:extLst>
              <a:ext uri="{FF2B5EF4-FFF2-40B4-BE49-F238E27FC236}">
                <a16:creationId xmlns:a16="http://schemas.microsoft.com/office/drawing/2014/main" id="{ADAFE794-D66C-2218-71D3-FA73A63EF1EB}"/>
              </a:ext>
            </a:extLst>
          </p:cNvPr>
          <p:cNvCxnSpPr/>
          <p:nvPr>
            <p:custDataLst>
              <p:tags r:id="rId264"/>
            </p:custDataLst>
          </p:nvPr>
        </p:nvCxnSpPr>
        <p:spPr>
          <a:xfrm>
            <a:off x="6394512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B_00000000000000000000000000000000_MiddleSeparator10">
            <a:extLst>
              <a:ext uri="{FF2B5EF4-FFF2-40B4-BE49-F238E27FC236}">
                <a16:creationId xmlns:a16="http://schemas.microsoft.com/office/drawing/2014/main" id="{22EAA910-23D7-D2E0-CCB9-84DEECA186C9}"/>
              </a:ext>
            </a:extLst>
          </p:cNvPr>
          <p:cNvCxnSpPr/>
          <p:nvPr>
            <p:custDataLst>
              <p:tags r:id="rId265"/>
            </p:custDataLst>
          </p:nvPr>
        </p:nvCxnSpPr>
        <p:spPr>
          <a:xfrm>
            <a:off x="6889814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B_00000000000000000000000000000000_MiddleSeparator11">
            <a:extLst>
              <a:ext uri="{FF2B5EF4-FFF2-40B4-BE49-F238E27FC236}">
                <a16:creationId xmlns:a16="http://schemas.microsoft.com/office/drawing/2014/main" id="{68F51269-C4E3-6640-9475-1C8B8D5EAACB}"/>
              </a:ext>
            </a:extLst>
          </p:cNvPr>
          <p:cNvCxnSpPr/>
          <p:nvPr>
            <p:custDataLst>
              <p:tags r:id="rId266"/>
            </p:custDataLst>
          </p:nvPr>
        </p:nvCxnSpPr>
        <p:spPr>
          <a:xfrm>
            <a:off x="7385117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B_00000000000000000000000000000000_MiddleSeparator12">
            <a:extLst>
              <a:ext uri="{FF2B5EF4-FFF2-40B4-BE49-F238E27FC236}">
                <a16:creationId xmlns:a16="http://schemas.microsoft.com/office/drawing/2014/main" id="{2D4EA577-A099-F5A7-8644-FAFAB79F32CD}"/>
              </a:ext>
            </a:extLst>
          </p:cNvPr>
          <p:cNvCxnSpPr/>
          <p:nvPr>
            <p:custDataLst>
              <p:tags r:id="rId267"/>
            </p:custDataLst>
          </p:nvPr>
        </p:nvCxnSpPr>
        <p:spPr>
          <a:xfrm>
            <a:off x="7880419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B_00000000000000000000000000000000_MiddleSeparator13">
            <a:extLst>
              <a:ext uri="{FF2B5EF4-FFF2-40B4-BE49-F238E27FC236}">
                <a16:creationId xmlns:a16="http://schemas.microsoft.com/office/drawing/2014/main" id="{D69A275E-0A89-E918-DB79-2DD1B6F0D651}"/>
              </a:ext>
            </a:extLst>
          </p:cNvPr>
          <p:cNvCxnSpPr/>
          <p:nvPr>
            <p:custDataLst>
              <p:tags r:id="rId268"/>
            </p:custDataLst>
          </p:nvPr>
        </p:nvCxnSpPr>
        <p:spPr>
          <a:xfrm>
            <a:off x="8375721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TB_00000000000000000000000000000000_MiddleSeparator14">
            <a:extLst>
              <a:ext uri="{FF2B5EF4-FFF2-40B4-BE49-F238E27FC236}">
                <a16:creationId xmlns:a16="http://schemas.microsoft.com/office/drawing/2014/main" id="{99113CE3-8E51-5603-C569-00C7F54C9546}"/>
              </a:ext>
            </a:extLst>
          </p:cNvPr>
          <p:cNvCxnSpPr/>
          <p:nvPr>
            <p:custDataLst>
              <p:tags r:id="rId269"/>
            </p:custDataLst>
          </p:nvPr>
        </p:nvCxnSpPr>
        <p:spPr>
          <a:xfrm>
            <a:off x="8871024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B_00000000000000000000000000000000_MiddleSeparator15">
            <a:extLst>
              <a:ext uri="{FF2B5EF4-FFF2-40B4-BE49-F238E27FC236}">
                <a16:creationId xmlns:a16="http://schemas.microsoft.com/office/drawing/2014/main" id="{2653F4FC-83BB-1FF9-C0F8-285E08D326BA}"/>
              </a:ext>
            </a:extLst>
          </p:cNvPr>
          <p:cNvCxnSpPr/>
          <p:nvPr>
            <p:custDataLst>
              <p:tags r:id="rId270"/>
            </p:custDataLst>
          </p:nvPr>
        </p:nvCxnSpPr>
        <p:spPr>
          <a:xfrm>
            <a:off x="9366326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1" name="OTLSHAPE_TB_00000000000000000000000000000000_MiddleSeparator16">
            <a:extLst>
              <a:ext uri="{FF2B5EF4-FFF2-40B4-BE49-F238E27FC236}">
                <a16:creationId xmlns:a16="http://schemas.microsoft.com/office/drawing/2014/main" id="{3B65B050-D6BB-50B1-A1D5-4F124035BA78}"/>
              </a:ext>
            </a:extLst>
          </p:cNvPr>
          <p:cNvCxnSpPr/>
          <p:nvPr>
            <p:custDataLst>
              <p:tags r:id="rId271"/>
            </p:custDataLst>
          </p:nvPr>
        </p:nvCxnSpPr>
        <p:spPr>
          <a:xfrm>
            <a:off x="9861628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TB_00000000000000000000000000000000_MiddleSeparator17">
            <a:extLst>
              <a:ext uri="{FF2B5EF4-FFF2-40B4-BE49-F238E27FC236}">
                <a16:creationId xmlns:a16="http://schemas.microsoft.com/office/drawing/2014/main" id="{2F4CD993-4BDE-7E6D-205C-B17BB0C5F2F3}"/>
              </a:ext>
            </a:extLst>
          </p:cNvPr>
          <p:cNvCxnSpPr/>
          <p:nvPr>
            <p:custDataLst>
              <p:tags r:id="rId272"/>
            </p:custDataLst>
          </p:nvPr>
        </p:nvCxnSpPr>
        <p:spPr>
          <a:xfrm>
            <a:off x="10356930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TB_00000000000000000000000000000000_MiddleSeparator18">
            <a:extLst>
              <a:ext uri="{FF2B5EF4-FFF2-40B4-BE49-F238E27FC236}">
                <a16:creationId xmlns:a16="http://schemas.microsoft.com/office/drawing/2014/main" id="{14F78189-A24A-727F-E655-B4319ED017BF}"/>
              </a:ext>
            </a:extLst>
          </p:cNvPr>
          <p:cNvCxnSpPr/>
          <p:nvPr>
            <p:custDataLst>
              <p:tags r:id="rId273"/>
            </p:custDataLst>
          </p:nvPr>
        </p:nvCxnSpPr>
        <p:spPr>
          <a:xfrm>
            <a:off x="10852232" y="109363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7" name="OTLSHAPE_M_34184e7f63e446378fe61e0676b33663_Shape">
            <a:extLst>
              <a:ext uri="{FF2B5EF4-FFF2-40B4-BE49-F238E27FC236}">
                <a16:creationId xmlns:a16="http://schemas.microsoft.com/office/drawing/2014/main" id="{9297413D-8960-86C3-0BF3-396126426616}"/>
              </a:ext>
            </a:extLst>
          </p:cNvPr>
          <p:cNvSpPr/>
          <p:nvPr>
            <p:custDataLst>
              <p:tags r:id="rId274"/>
            </p:custDataLst>
          </p:nvPr>
        </p:nvSpPr>
        <p:spPr>
          <a:xfrm>
            <a:off x="11129771" y="769021"/>
            <a:ext cx="152400" cy="177800"/>
          </a:xfrm>
          <a:prstGeom prst="diamond">
            <a:avLst/>
          </a:prstGeom>
          <a:solidFill>
            <a:srgbClr val="FFCC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20" name="OTLSHAPE_M_74a82205830b4b968ec527325d87f8ab_Shape">
            <a:extLst>
              <a:ext uri="{FF2B5EF4-FFF2-40B4-BE49-F238E27FC236}">
                <a16:creationId xmlns:a16="http://schemas.microsoft.com/office/drawing/2014/main" id="{F78CC928-91EB-25F3-14A0-94DBA0E73BB7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1931301" y="769021"/>
            <a:ext cx="152400" cy="177800"/>
          </a:xfrm>
          <a:prstGeom prst="diamond">
            <a:avLst/>
          </a:prstGeom>
          <a:solidFill>
            <a:srgbClr val="FFCC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5" name="OTLSHAPE_M_34184e7f63e446378fe61e0676b33663_Title">
            <a:extLst>
              <a:ext uri="{FF2B5EF4-FFF2-40B4-BE49-F238E27FC236}">
                <a16:creationId xmlns:a16="http://schemas.microsoft.com/office/drawing/2014/main" id="{00BD9064-C8C0-52FF-C08D-996EFA2878D8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10538925" y="418077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handover to client</a:t>
            </a:r>
          </a:p>
        </p:txBody>
      </p:sp>
      <p:sp>
        <p:nvSpPr>
          <p:cNvPr id="216" name="OTLSHAPE_M_34184e7f63e446378fe61e0676b33663_Date">
            <a:extLst>
              <a:ext uri="{FF2B5EF4-FFF2-40B4-BE49-F238E27FC236}">
                <a16:creationId xmlns:a16="http://schemas.microsoft.com/office/drawing/2014/main" id="{379A1486-8A46-C9A6-2E12-0A68B5310E9B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11091248" y="588596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A483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9</a:t>
            </a:r>
          </a:p>
        </p:txBody>
      </p:sp>
      <p:sp>
        <p:nvSpPr>
          <p:cNvPr id="218" name="OTLSHAPE_M_74a82205830b4b968ec527325d87f8ab_Title">
            <a:extLst>
              <a:ext uri="{FF2B5EF4-FFF2-40B4-BE49-F238E27FC236}">
                <a16:creationId xmlns:a16="http://schemas.microsoft.com/office/drawing/2014/main" id="{75D8EDD2-5FB9-25F0-360F-E14622ED1F4E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1229986" y="418077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e handover to contractor</a:t>
            </a:r>
          </a:p>
        </p:txBody>
      </p:sp>
      <p:sp>
        <p:nvSpPr>
          <p:cNvPr id="219" name="OTLSHAPE_M_74a82205830b4b968ec527325d87f8ab_Date">
            <a:extLst>
              <a:ext uri="{FF2B5EF4-FFF2-40B4-BE49-F238E27FC236}">
                <a16:creationId xmlns:a16="http://schemas.microsoft.com/office/drawing/2014/main" id="{7C24769A-E44B-69C4-3366-9E50B5ABA84C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1854106" y="588596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A483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</a:t>
            </a:r>
          </a:p>
        </p:txBody>
      </p:sp>
      <p:sp>
        <p:nvSpPr>
          <p:cNvPr id="23" name="OTLSHAPE_M_34184e7f63e446378fe61e0676b33663_Variance" hidden="1">
            <a:extLst>
              <a:ext uri="{FF2B5EF4-FFF2-40B4-BE49-F238E27FC236}">
                <a16:creationId xmlns:a16="http://schemas.microsoft.com/office/drawing/2014/main" id="{14CD67D7-619B-7516-0874-C58ED319C3B4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6" name="OTLSHAPE_M_74a82205830b4b968ec527325d87f8ab_Variance" hidden="1">
            <a:extLst>
              <a:ext uri="{FF2B5EF4-FFF2-40B4-BE49-F238E27FC236}">
                <a16:creationId xmlns:a16="http://schemas.microsoft.com/office/drawing/2014/main" id="{7D659960-337C-B90A-F428-1880AAAD8534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11" name="TextBox 210">
            <a:extLst>
              <a:ext uri="{FF2B5EF4-FFF2-40B4-BE49-F238E27FC236}">
                <a16:creationId xmlns:a16="http://schemas.microsoft.com/office/drawing/2014/main" id="{C2A546CA-4F47-579D-821D-1F333AD9EC4B}"/>
              </a:ext>
            </a:extLst>
          </p:cNvPr>
          <p:cNvSpPr txBox="1"/>
          <p:nvPr/>
        </p:nvSpPr>
        <p:spPr>
          <a:xfrm>
            <a:off x="4155170" y="237489"/>
            <a:ext cx="400239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A48300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Infrastructure roadmap</a:t>
            </a:r>
          </a:p>
        </p:txBody>
      </p:sp>
      <p:pic>
        <p:nvPicPr>
          <p:cNvPr id="291" name="Picture 290" descr="A black background with a black screen&#10;&#10;AI-generated content may be incorrect.">
            <a:extLst>
              <a:ext uri="{FF2B5EF4-FFF2-40B4-BE49-F238E27FC236}">
                <a16:creationId xmlns:a16="http://schemas.microsoft.com/office/drawing/2014/main" id="{81AF3D8E-7502-00A3-E7E2-33E89AC3C68E}"/>
              </a:ext>
            </a:extLst>
          </p:cNvPr>
          <p:cNvPicPr>
            <a:picLocks noChangeAspect="1"/>
          </p:cNvPicPr>
          <p:nvPr/>
        </p:nvPicPr>
        <p:blipFill>
          <a:blip r:embed="rId28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50579" y="2332794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38162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AzLTAxVDAwOjAwOjAwIiwiRW5kRGF0ZSI6IjIwMjYtMDMtMDNUMjM6NTk6MDAiLCJQZXJjZW50YWdlQ29tcGxldGUiOjAuM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IiwiRm9ybWF0IjowLCJJc1Zpc2libGUiOmZhbHNlLCJMYXN0S25vd25WaXNpYmlsaXR5U3RhdGUiOmZhbHNlfSwiSXNWaXNpYmxlIjp0cnVlLCJWYXJpYW5jZVN0eWxlIjp7IiRpZCI6IjY4IiwiVGV4dF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IiwiRm9ybWF0IjowLCJJc1Zpc2libGUiOmZhbHNlLCJMYXN0S25vd25WaXNpYmlsaXR5U3RhdGUiOmZhbHNlfSwiSXNWaXNpYmxlIjp0cnVlLCJWYXJpYW5jZVN0eWxlIjp7IiRpZCI6IjExMiIsIlRleHRTdHlsZSI6eyIkaWQiOiIxMTMiLCJGb250U2V0dGluZ3MiOnsiJGlkIjoiMTE0IiwiRm9udFNpemUiOjExLCJGb250TmFtZSI6IkNhbGlicmkiLCJJc0JvbGQiOmZhbHN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ODksIlIiOjAsIkciOjAsIkIiOjB9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GlkIjoiMjI0IiwiQ29sb3IiOnsiJGlkIjoiMjI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1IiwiRm9ybWF0IjowLCJJc1Zpc2libGUiOmZhbHNlLCJMYXN0S25vd25WaXNpYmlsaXR5U3RhdGUiOmZhbHNlfSwiSXNWaXNpYmxlIjp0cnVlLCJWYXJpYW5jZVN0eWxlIjp7IiRpZCI6IjI3NiIsIlRleHRTdHlsZSI6eyIkaWQiOiIyNzciLCJGb250U2V0dGluZ3MiOnsiJGlkIjoiMjc4IiwiRm9udFNpemUiOjExLCJGb250TmFtZSI6IkNhbGlicmkiLCJJc0JvbGQiOmZhbHNlLCJJc0l0YWxpYyI6ZmFsc2UsIklzVW5kZXJsaW5lZCI6ZmFsc2UsIlBhcmVudFN0eWxlIjpudWxsfSwiQXV0b1NpemUiOjAsIkZvcmVncm91bmQiOnsiJGlkIjoiMjc5IiwiQ29sb3IiOnsiJGlkIjoiMjg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wNSIsIlRvcCI6MC4wLCJMZWZ0IjowLjAsIlJpZ2h0IjowLjAsIkJvdHRvbSI6MC4wfSwiUGFkZGluZyI6eyIkaWQiOiIzMDYiLCJUb3AiOjAuMCwiTGVmdCI6MC4wLCJSaWdodCI6MC4wLCJCb3R0b20iOjAuMH0sIkJhY2tncm91bmQiOnsiJGlkIjoiMzA3IiwiQ29sb3IiOnsiJGlkIjoiMzA4IiwiQSI6MjU1LCJSIjowLCJHIjowLCJCIjowfX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GlkIjoiMzEyIiwiQ29sb3IiOnsiJGlkIjoiMzE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CIsIkZvcm1hdCI6MCwiSXNWaXNpYmxlIjpmYWxzZSwiTGFzdEtub3duVmlzaWJpbGl0eVN0YXRlIjpmYWxzZX0sIklzVmlzaWJsZSI6dHJ1ZSwiVmFyaWFuY2VTdHlsZSI6eyIkaWQiOiIzMjEiLCJUZXh0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GlkIjoiMzQ3IiwiQSI6MjU1LCJSIjowLCJHIjowLCJCIjowfX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SIsIkZvcm1hdCI6MCwiSXNWaXNpYmxlIjpmYWxzZSwiTGFzdEtub3duVmlzaWJpbGl0eVN0YXRlIjpmYWxzZX0sIklzVmlzaWJsZSI6dHJ1ZSwiVmFyaWFuY2VTdHlsZSI6eyIkaWQiOiIzNjAiLCJUZXh0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GlkIjoiNDY2IiwiQSI6MCwiUiI6MjU1LCJHIjoyNTUsIkIiOjI1NX19LCJJc1Zpc2libGUiOnRydWUsIldpZHRoIjowLjAsIkhlaWdodCI6MC4wLCJCb3JkZXJTdHlsZSI6eyIkaWQiOiI0NjciLCJMaW5lQ29sb3IiOm51bGwsIkxpbmVXZWlnaHQiOjAuMCwiTGluZVR5cGUiOjAsIlBhcmVudFN0eWxlIjpudWxsfSwiUGFyZW50U3R5bGUiOm51bGx9LCJEYXRlRm9ybWF0Ijp7IiRpZCI6IjQ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kiLCJGb3JtYXQiOjAsIklzVmlzaWJsZSI6ZmFsc2UsIkxhc3RLbm93blZpc2liaWxpdHlTdGF0ZSI6ZmFsc2V9LCJJc1Zpc2libGUiOnRydWUsIlZhcmlhbmNlU3R5bGUiOnsiJGlkIjoiNDcwIiwiVGV4dFN0eWxlIjp7IiRpZCI6IjQ3MSIsIkZvbnRTZXR0aW5ncyI6eyIkaWQiOiI0NzIiLCJGb250U2l6ZSI6MTEsIkZvbnROYW1lIjoiQ2FsaWJyaSIsIklzQm9sZCI6ZmFsc2UsIklzSXRhbGljIjpmYWxzZSwiSXNVbmRlcmxpbmVkIjpmYWxzZSwiUGFyZW50U3R5bGUiOm51bGx9LCJBdXRvU2l6ZSI6MCwiRm9yZWdyb3VuZCI6eyIkaWQiOiI0NzMiLCJDb2xvciI6eyIkaWQiOiI0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YiLCJGb3JtYXQiOjAsIklzVmlzaWJsZSI6ZmFsc2UsIkxhc3RLbm93blZpc2liaWxpdHlTdGF0ZSI6ZmFsc2V9LCJJc1Zpc2libGUiOnRydWUsIlZhcmlhbmNlU3R5bGUiOnsiJGlkIjoiNTc3IiwiVGV4dFN0eWxlIjp7IiRpZCI6IjU3OCIsIkZvbnRTZXR0aW5ncyI6eyIkaWQiOiI1NzkiLCJGb250U2l6ZSI6MTEsIkZvbnROYW1lIjoiQ2FsaWJyaSIsIklzQm9sZCI6ZmFsc2UsIklzSXRhbGljIjpmYWxzZSwiSXNVbmRlcmxpbmVkIjpmYWxzZSwiUGFyZW50U3R5bGUiOm51bGx9LCJBdXRvU2l6ZSI6MCwiRm9yZWdyb3VuZCI6eyIkaWQiOiI1ODAiLCJDb2xvciI6eyIkaWQiOiI1O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AiLCJGb3JtYXQiOjAsIklzVmlzaWJsZSI6ZmFsc2UsIkxhc3RLbm93blZpc2liaWxpdHlTdGF0ZSI6ZmFsc2V9LCJJc1Zpc2libGUiOnRydWUsIlZhcmlhbmNlU3R5bGUiOnsiJGlkIjoiNzQxIiwiVGV4dFN0eWxlIjp7IiRpZCI6Ijc0MiIsIkZvbnRTZXR0aW5ncyI6eyIkaWQiOiI3NDMiLCJGb250U2l6ZSI6MTEsIkZvbnROYW1lIjoiQ2FsaWJyaSIsIklzQm9sZCI6ZmFsc2UsIklzSXRhbGljIjpmYWxzZSwiSXNVbmRlcmxpbmVkIjpmYWxzZSwiUGFyZW50U3R5bGUiOm51bGx9LCJBdXRvU2l6ZSI6MCwiRm9yZWdyb3VuZCI6eyIkaWQiOiI3NDQiLCJDb2xvciI6eyIkaWQiOiI3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nsiJGlkIjoiNzc0IiwiTGluZUNvbG9yIjpudWxsLCJMaW5lV2VpZ2h0IjowLjAsIkxpbmVUeXBlIjowLCJQYXJlbnRTdHlsZSI6bnVsbH0sIlBhcmVudFN0eWxlIjpudWxsfSwiRGF0ZVN0eWxlIjp7IiRpZCI6Ijc3NSIsIkZvbnRTZXR0aW5ncyI6eyIkaWQiOiI3NzYiLCJGb250U2l6ZSI6MTAsIkZvbnROYW1lIjoiQ2FsaWJyaSIsIklzQm9sZCI6ZmFsc2UsIklzSXRhbGljIjpmYWxzZSwiSXNVbmRlcmxpbmVkIjpmYWxzZSwiUGFyZW50U3R5bGUiOm51bGx9LCJBdXRvU2l6ZSI6MCwiRm9yZWdyb3VuZCI6eyIkaWQiOiI3NzciLCJDb2xvciI6eyIkaWQiOiI3Nz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1IiwiRm9ybWF0IjowLCJJc1Zpc2libGUiOmZhbHNlLCJMYXN0S25vd25WaXNpYmlsaXR5U3RhdGUiOmZhbHNlfSwiSXNWaXNpYmxlIjpmYWxzZSwiVmFyaWFuY2VTdHlsZSI6eyIkaWQiOiI3ODYiLCJUZXh0U3R5bGUiOnsiJGlkIjoiNzg3IiwiRm9udFNldHRpbmdzIjp7IiRpZCI6Ijc4OCIsIkZvbnRTaXplIjoxMSwiRm9udE5hbWUiOiJDYWxpYnJpIiwiSXNCb2xkIjpmYWxzZSwiSXNJdGFsaWMiOmZhbHNlLCJJc1VuZGVybGluZWQiOmZhbHNlLCJQYXJlbnRTdHlsZSI6bnVsbH0sIkF1dG9TaXplIjowLCJGb3JlZ3JvdW5kIjp7IiRpZCI6Ijc4OSIsIkNvbG9yIjp7IiRpZCI6Ijc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QiLCJGb3JtYXQiOjAsIklzVmlzaWJsZSI6ZmFsc2UsIkxhc3RLbm93blZpc2liaWxpdHlTdGF0ZSI6ZmFsc2V9LCJJc1Zpc2libGUiOnRydWUsIlZhcmlhbmNlU3R5bGUiOnsiJGlkIjoiODI1IiwiVGV4dFN0eWxlIjp7IiRpZCI6IjgyNiIsIkZvbnRTZXR0aW5ncyI6eyIkaWQiOiI4MjciLCJGb250U2l6ZSI6MTEsIkZvbnROYW1lIjoiQ2FsaWJyaSIsIklzQm9sZCI6ZmFsc2UsIklzSXRhbGljIjpmYWxzZSwiSXNVbmRlcmxpbmVkIjpmYWxzZSwiUGFyZW50U3R5bGUiOm51bGx9LCJBdXRvU2l6ZSI6MCwiRm9yZWdyb3VuZCI6eyIkaWQiOiI4MjgiLCJDb2xvciI6eyIkaWQiOiI4M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0IiwiRm9ybWF0IjowLCJJc1Zpc2libGUiOmZhbHNlLCJMYXN0S25vd25WaXNpYmlsaXR5U3RhdGUiOmZhbHNlfSwiSXNWaXNpYmxlIjp0cnVlLCJWYXJpYW5jZVN0eWxlIjp7IiRpZCI6IjkzNSIsIlRleHRTdHlsZSI6eyIkaWQiOiI5MzYiLCJGb250U2V0dGluZ3MiOnsiJGlkIjoiOTM3IiwiRm9udFNpemUiOjExLCJGb250TmFtZSI6IkNhbGlicmkiLCJJc0JvbGQiOmZhbHNlLCJJc0l0YWxpYyI6ZmFsc2UsIklzVW5kZXJsaW5lZCI6ZmFsc2UsIlBhcmVudFN0eWxlIjpudWxsfSwiQXV0b1NpemUiOjAsIkZvcmVncm91bmQiOnsiJGlkIjoiOTM4IiwiQ29sb3IiOnsiJGlkIjoiOT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NyIsIkZvcm1hdCI6MCwiSXNWaXNpYmxlIjpmYWxzZSwiTGFzdEtub3duVmlzaWJpbGl0eVN0YXRlIjpmYWxzZX0sIklzVmlzaWJsZSI6dHJ1ZSwiVmFyaWFuY2VTdHlsZSI6eyIkaWQiOiI5NzgiLCJUZXh0U3R5bGUiOnsiJGlkIjoiOTc5IiwiRm9udFNldHRpbmdzIjp7IiRpZCI6Ijk4MCIsIkZvbnRTaXplIjoxMSwiRm9udE5hbWUiOiJDYWxpYnJpIiwiSXNCb2xkIjpmYWxzZSwiSXNJdGFsaWMiOmZhbHNlLCJJc1VuZGVybGluZWQiOmZhbHNlLCJQYXJlbnRTdHlsZSI6bnVsbH0sIkF1dG9TaXplIjowLCJGb3JlZ3JvdW5kIjp7IiRpZCI6Ijk4MSIsIkNvbG9yIjp7IiRpZCI6Ijk4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kiLCJGb3JtYXQiOjAsIklzVmlzaWJsZSI6ZmFsc2UsIkxhc3RLbm93blZpc2liaWxpdHlTdGF0ZSI6ZmFsc2V9LCJJc1Zpc2libGUiOnRydWUsIlZhcmlhbmNlU3R5bGUiOnsiJGlkIjoiMTE0MCIsIlRleHRTdHlsZSI6eyIkaWQiOiIxMTQxIiwiRm9udFNldHRpbmdzIjp7IiRpZCI6IjExNDIiLCJGb250U2l6ZSI6MTEsIkZvbnROYW1lIjoiQ2FsaWJyaSIsIklzQm9sZCI6ZmFsc2UsIklzSXRhbGljIjpmYWxzZSwiSXNVbmRlcmxpbmVkIjpmYWxzZSwiUGFyZW50U3R5bGUiOm51bGx9LCJBdXRvU2l6ZSI6MCwiRm9yZWdyb3VuZCI6eyIkaWQiOiIxMTQzIiwiQ29sb3IiOnsiJGlkIjoiMTE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NCIsIkZvcm1hdCI6MCwiSXNWaXNpYmxlIjpmYWxzZSwiTGFzdEtub3duVmlzaWJpbGl0eVN0YXRlIjpmYWxzZX0sIklzVmlzaWJsZSI6ZmFsc2UsIlZhcmlhbmNlU3R5bGUiOnsiJGlkIjoiMTE4NSIsIlRleHRTdHlsZSI6eyIkaWQiOiIxMTg2IiwiRm9udFNldHRpbmdzIjp7IiRpZCI6IjExODciLCJGb250U2l6ZSI6MTEsIkZvbnROYW1lIjoiQ2FsaWJyaSIsIklzQm9sZCI6ZmFsc2UsIklzSXRhbGljIjpmYWxzZSwiSXNVbmRlcmxpbmVkIjpmYWxzZSwiUGFyZW50U3R5bGUiOm51bGx9LCJBdXRvU2l6ZSI6MCwiRm9yZWdyb3VuZCI6eyIkaWQiOiIxMTg4IiwiQ29sb3IiOnsiJGlkIjoiMTE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jMiLCJGb3JtYXQiOjAsIklzVmlzaWJsZSI6ZmFsc2UsIkxhc3RLbm93blZpc2liaWxpdHlTdGF0ZSI6ZmFsc2V9LCJJc1Zpc2libGUiOnRydWUsIlZhcmlhbmNlU3R5bGUiOnsiJGlkIjoiMTIyNCIsIlRleHRTdHlsZSI6eyIkaWQiOiIxMjI1IiwiRm9udFNldHRpbmdzIjp7IiRpZCI6IjEyMjYiLCJGb250U2l6ZSI6MTEsIkZvbnROYW1lIjoiQ2FsaWJyaSIsIklzQm9sZCI6ZmFsc2UsIklzSXRhbGljIjpmYWxzZSwiSXNVbmRlcmxpbmVkIjpmYWxzZSwiUGFyZW50U3R5bGUiOm51bGx9LCJBdXRvU2l6ZSI6MCwiRm9yZWdyb3VuZCI6eyIkaWQiOiIxMjI3IiwiQ29sb3IiOnsiJGlkIjoiMTI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zIiwiRm9ybWF0IjowLCJJc1Zpc2libGUiOmZhbHNlLCJMYXN0S25vd25WaXNpYmlsaXR5U3RhdGUiOmZhbHNlfSwiSXNWaXNpYmxlIjp0cnVlLCJWYXJpYW5jZVN0eWxlIjp7IiRpZCI6IjEzMzQiLCJUZXh0U3R5bGUiOnsiJGlkIjoiMTMzNSIsIkZvbnRTZXR0aW5ncyI6eyIkaWQiOiIxMzM2IiwiRm9udFNpemUiOjExLCJGb250TmFtZSI6IkNhbGlicmkiLCJJc0JvbGQiOmZhbHNlLCJJc0l0YWxpYyI6ZmFsc2UsIklzVW5kZXJsaW5lZCI6ZmFsc2UsIlBhcmVudFN0eWxlIjpudWxsfSwiQXV0b1NpemUiOjAsIkZvcmVncm91bmQiOnsiJGlkIjoiMTMzNyIsIkNvbG9yIjp7IiRpZCI6IjEz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wIiwiRm9ybWF0IjowLCJJc1Zpc2libGUiOmZhbHNlLCJMYXN0S25vd25WaXNpYmlsaXR5U3RhdGUiOmZhbHNlfSwiSXNWaXNpYmxlIjp0cnVlLCJWYXJpYW5jZVN0eWxlIjp7IiRpZCI6IjE0NDEiLCJUZXh0U3R5bGUiOnsiJGlkIjoiMTQ0MiIsIkZvbnRTZXR0aW5ncyI6eyIkaWQiOiIxNDQzIiwiRm9udFNpemUiOjExLCJGb250TmFtZSI6IkNhbGlicmkiLCJJc0JvbGQiOmZhbHNlLCJJc0l0YWxpYyI6ZmFsc2UsIklzVW5kZXJsaW5lZCI6ZmFsc2UsIlBhcmVudFN0eWxlIjpudWxsfSwiQXV0b1NpemUiOjAsIkZvcmVncm91bmQiOnsiJGlkIjoiMTQ0NCIsIkNvbG9yIjp7IiRpZCI6IjE0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NyIsIkZvcm1hdCI6MCwiSXNWaXNpYmxlIjpmYWxzZSwiTGFzdEtub3duVmlzaWJpbGl0eVN0YXRlIjpmYWxzZX0sIklzVmlzaWJsZSI6dHJ1ZSwiVmFyaWFuY2VTdHlsZSI6eyIkaWQiOiIxNTQ4IiwiVGV4dFN0eWxlIjp7IiRpZCI6IjE1NDkiLCJGb250U2V0dGluZ3MiOnsiJGlkIjoiMTU1MCIsIkZvbnRTaXplIjoxMSwiRm9udE5hbWUiOiJDYWxpYnJpIiwiSXNCb2xkIjpmYWxzZSwiSXNJdGFsaWMiOmZhbHNlLCJJc1VuZGVybGluZWQiOmZhbHNlLCJQYXJlbnRTdHlsZSI6bnVsbH0sIkF1dG9TaXplIjowLCJGb3JlZ3JvdW5kIjp7IiRpZCI6IjE1NTEiLCJDb2xvciI6eyIkaWQiOiIxNTU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xMSIsIkZvcm1hdCI6MCwiSXNWaXNpYmxlIjpmYWxzZSwiTGFzdEtub3duVmlzaWJpbGl0eVN0YXRlIjpmYWxzZX0sIklzVmlzaWJsZSI6dHJ1ZSwiVmFyaWFuY2VTdHlsZSI6eyIkaWQiOiIxNzEyIiwiVGV4dFN0eWxlIjp7IiRpZCI6IjE3MTMiLCJGb250U2V0dGluZ3MiOnsiJGlkIjoiMTcxNCIsIkZvbnRTaXplIjoxMSwiRm9udE5hbWUiOiJDYWxpYnJpIiwiSXNCb2xkIjpmYWxzZSwiSXNJdGFsaWMiOmZhbHNlLCJJc1VuZGVybGluZWQiOmZhbHNlLCJQYXJlbnRTdHlsZSI6bnVsbH0sIkF1dG9TaXplIjowLCJGb3JlZ3JvdW5kIjp7IiRpZCI6IjE3MTUiLCJDb2xvciI6eyIkaWQiOiIxNzE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2IiwiRm9ybWF0IjowLCJJc1Zpc2libGUiOmZhbHNlLCJMYXN0S25vd25WaXNpYmlsaXR5U3RhdGUiOmZhbHNlfSwiSXNWaXNpYmxlIjpmYWxzZSwiVmFyaWFuY2VTdHlsZSI6eyIkaWQiOiIxNzU3IiwiVGV4dFN0eWxlIjp7IiRpZCI6IjE3NTgiLCJGb250U2V0dGluZ3MiOnsiJGlkIjoiMTc1OSIsIkZvbnRTaXplIjoxMSwiRm9udE5hbWUiOiJDYWxpYnJpIiwiSXNCb2xkIjpmYWxzZSwiSXNJdGFsaWMiOmZhbHNlLCJJc1VuZGVybGluZWQiOmZhbHNlLCJQYXJlbnRTdHlsZSI6bnVsbH0sIkF1dG9TaXplIjowLCJGb3JlZ3JvdW5kIjp7IiRpZCI6IjE3NjAiLCJDb2xvciI6eyIkaWQiOiIxNzY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TUiLCJGb3JtYXQiOjAsIklzVmlzaWJsZSI6ZmFsc2UsIkxhc3RLbm93blZpc2liaWxpdHlTdGF0ZSI6ZmFsc2V9LCJJc1Zpc2libGUiOnRydWUsIlZhcmlhbmNlU3R5bGUiOnsiJGlkIjoiMTc5NiIsIlRleHRTdHlsZSI6eyIkaWQiOiIxNzk3IiwiRm9udFNldHRpbmdzIjp7IiRpZCI6IjE3OTgiLCJGb250U2l6ZSI6MTEsIkZvbnROYW1lIjoiQ2FsaWJyaSIsIklzQm9sZCI6ZmFsc2UsIklzSXRhbGljIjpmYWxzZSwiSXNVbmRlcmxpbmVkIjpmYWxzZSwiUGFyZW50U3R5bGUiOm51bGx9LCJBdXRvU2l6ZSI6MCwiRm9yZWdyb3VuZCI6eyIkaWQiOiIxNzk5IiwiQ29sb3IiOnsiJGlkIjoiMTgw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1IiwiRm9ybWF0IjowLCJJc1Zpc2libGUiOmZhbHNlLCJMYXN0S25vd25WaXNpYmlsaXR5U3RhdGUiOmZhbHNlfSwiSXNWaXNpYmxlIjp0cnVlLCJWYXJpYW5jZVN0eWxlIjp7IiRpZCI6IjE5MDYiLCJUZXh0U3R5bGUiOnsiJGlkIjoiMTkwNyIsIkZvbnRTZXR0aW5ncyI6eyIkaWQiOiIxOTA4IiwiRm9udFNpemUiOjExLCJGb250TmFtZSI6IkNhbGlicmkiLCJJc0JvbGQiOmZhbHNlLCJJc0l0YWxpYyI6ZmFsc2UsIklzVW5kZXJsaW5lZCI6ZmFsc2UsIlBhcmVudFN0eWxlIjpudWxsfSwiQXV0b1NpemUiOjAsIkZvcmVncm91bmQiOnsiJGlkIjoiMTkwOSIsIkNvbG9yIjp7IiRpZCI6IjE5M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TIiLCJGb3JtYXQiOjAsIklzVmlzaWJsZSI6ZmFsc2UsIkxhc3RLbm93blZpc2liaWxpdHlTdGF0ZSI6ZmFsc2V9LCJJc1Zpc2libGUiOnRydWUsIlZhcmlhbmNlU3R5bGUiOnsiJGlkIjoiMjAxMyIsIlRleHRTdHlsZSI6eyIkaWQiOiIyMDE0IiwiRm9udFNldHRpbmdzIjp7IiRpZCI6IjIwMTUiLCJGb250U2l6ZSI6MTEsIkZvbnROYW1lIjoiQ2FsaWJyaSIsIklzQm9sZCI6ZmFsc2UsIklzSXRhbGljIjpmYWxzZSwiSXNVbmRlcmxpbmVkIjpmYWxzZSwiUGFyZW50U3R5bGUiOm51bGx9LCJBdXRvU2l6ZSI6MCwiRm9yZWdyb3VuZCI6eyIkaWQiOiIyMDE2IiwiQ29sb3IiOnsiJGlkIjoiMjA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c2IiwiRm9ybWF0IjowLCJJc1Zpc2libGUiOmZhbHNlLCJMYXN0S25vd25WaXNpYmlsaXR5U3RhdGUiOmZhbHNlfSwiSXNWaXNpYmxlIjp0cnVlLCJWYXJpYW5jZVN0eWxlIjp7IiRpZCI6IjIxNzciLCJUZXh0U3R5bGUiOnsiJGlkIjoiMjE3OCIsIkZvbnRTZXR0aW5ncyI6eyIkaWQiOiIyMTc5IiwiRm9udFNpemUiOjExLCJGb250TmFtZSI6IkNhbGlicmkiLCJJc0JvbGQiOmZhbHNlLCJJc0l0YWxpYyI6ZmFsc2UsIklzVW5kZXJsaW5lZCI6ZmFsc2UsIlBhcmVudFN0eWxlIjpudWxsfSwiQXV0b1NpemUiOjAsIkZvcmVncm91bmQiOnsiJGlkIjoiMjE4MCIsIkNvbG9yIjp7IiRpZCI6IjIxO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yMSIsIkZvcm1hdCI6MCwiSXNWaXNpYmxlIjpmYWxzZSwiTGFzdEtub3duVmlzaWJpbGl0eVN0YXRlIjpmYWxzZX0sIklzVmlzaWJsZSI6dHJ1ZSwiVmFyaWFuY2VTdHlsZSI6eyIkaWQiOiIyMjIyIiwiVGV4dFN0eWxlIjp7IiRpZCI6IjIyMjMiLCJGb250U2V0dGluZ3MiOnsiJGlkIjoiMjIyNCIsIkZvbnRTaXplIjoxMSwiRm9udE5hbWUiOiJDYWxpYnJpIiwiSXNCb2xkIjpmYWxzZSwiSXNJdGFsaWMiOmZhbHNlLCJJc1VuZGVybGluZWQiOmZhbHNlLCJQYXJlbnRTdHlsZSI6bnVsbH0sIkF1dG9TaXplIjowLCJGb3JlZ3JvdW5kIjp7IiRpZCI6IjIyMjUiLCJDb2xvciI6eyIkaWQiOiIy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2MCIsIkZvcm1hdCI6MCwiSXNWaXNpYmxlIjpmYWxzZSwiTGFzdEtub3duVmlzaWJpbGl0eVN0YXRlIjpmYWxzZX0sIklzVmlzaWJsZSI6dHJ1ZSwiVmFyaWFuY2VTdHlsZSI6eyIkaWQiOiIyMjYxIiwiVGV4dFN0eWxlIjp7IiRpZCI6IjIyNjIiLCJGb250U2V0dGluZ3MiOnsiJGlkIjoiMjI2MyIsIkZvbnRTaXplIjoxMSwiRm9udE5hbWUiOiJDYWxpYnJpIiwiSXNCb2xkIjpmYWxzZSwiSXNJdGFsaWMiOmZhbHNlLCJJc1VuZGVybGluZWQiOmZhbHNlLCJQYXJlbnRTdHlsZSI6bnVsbH0sIkF1dG9TaXplIjowLCJGb3JlZ3JvdW5kIjp7IiRpZCI6IjIyNjQiLCJDb2xvciI6eyIkaWQiOiIyMjY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MCIsIkZvcm1hdCI6MCwiSXNWaXNpYmxlIjpmYWxzZSwiTGFzdEtub3duVmlzaWJpbGl0eVN0YXRlIjpmYWxzZX0sIklzVmlzaWJsZSI6dHJ1ZSwiVmFyaWFuY2VTdHlsZSI6eyIkaWQiOiIyMzcxIiwiVGV4dFN0eWxlIjp7IiRpZCI6IjIzNzIiLCJGb250U2V0dGluZ3MiOnsiJGlkIjoiMjM3MyIsIkZvbnRTaXplIjoxMSwiRm9udE5hbWUiOiJDYWxpYnJpIiwiSXNCb2xkIjpmYWxzZSwiSXNJdGFsaWMiOmZhbHNlLCJJc1VuZGVybGluZWQiOmZhbHNlLCJQYXJlbnRTdHlsZSI6bnVsbH0sIkF1dG9TaXplIjowLCJGb3JlZ3JvdW5kIjp7IiRpZCI6IjIzNzQiLCJDb2xvciI6eyIkaWQiOiIyMz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c3IiwiRm9ybWF0IjowLCJJc1Zpc2libGUiOmZhbHNlLCJMYXN0S25vd25WaXNpYmlsaXR5U3RhdGUiOmZhbHNlfSwiSXNWaXNpYmxlIjp0cnVlLCJWYXJpYW5jZVN0eWxlIjp7IiRpZCI6IjI0NzgiLCJUZXh0U3R5bGUiOnsiJGlkIjoiMjQ3OSIsIkZvbnRTZXR0aW5ncyI6eyIkaWQiOiIyNDgwIiwiRm9udFNpemUiOjExLCJGb250TmFtZSI6IkNhbGlicmkiLCJJc0JvbGQiOmZhbHNlLCJJc0l0YWxpYyI6ZmFsc2UsIklzVW5kZXJsaW5lZCI6ZmFsc2UsIlBhcmVudFN0eWxlIjpudWxsfSwiQXV0b1NpemUiOjAsIkZvcmVncm91bmQiOnsiJGlkIjoiMjQ4MSIsIkNvbG9yIjp7IiRpZCI6IjI0O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MCIsIkZvcm1hdCI6MCwiSXNWaXNpYmxlIjpmYWxzZSwiTGFzdEtub3duVmlzaWJpbGl0eVN0YXRlIjpmYWxzZX0sIklzVmlzaWJsZSI6dHJ1ZSwiVmFyaWFuY2VTdHlsZSI6eyIkaWQiOiIyNTIxIiwiVGV4dFN0eWxlIjp7IiRpZCI6IjI1MjIiLCJGb250U2V0dGluZ3MiOnsiJGlkIjoiMjUyMyIsIkZvbnRTaXplIjoxMSwiRm9udE5hbWUiOiJDYWxpYnJpIiwiSXNCb2xkIjpmYWxzZSwiSXNJdGFsaWMiOmZhbHNlLCJJc1VuZGVybGluZWQiOmZhbHNlLCJQYXJlbnRTdHlsZSI6bnVsbH0sIkF1dG9TaXplIjowLCJGb3JlZ3JvdW5kIjp7IiRpZCI6IjI1MjQiLCJDb2xvciI6eyIkaWQiOiIyNTI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ODIiLCJGb3JtYXQiOjAsIklzVmlzaWJsZSI6ZmFsc2UsIkxhc3RLbm93blZpc2liaWxpdHlTdGF0ZSI6ZmFsc2V9LCJJc1Zpc2libGUiOnRydWUsIlZhcmlhbmNlU3R5bGUiOnsiJGlkIjoiMjY4MyIsIlRleHRTdHlsZSI6eyIkaWQiOiIyNjg0IiwiRm9udFNldHRpbmdzIjp7IiRpZCI6IjI2ODUiLCJGb250U2l6ZSI6MTEsIkZvbnROYW1lIjoiQ2FsaWJyaSIsIklzQm9sZCI6ZmFsc2UsIklzSXRhbGljIjpmYWxzZSwiSXNVbmRlcmxpbmVkIjpmYWxzZSwiUGFyZW50U3R5bGUiOm51bGx9LCJBdXRvU2l6ZSI6MCwiRm9yZWdyb3VuZCI6eyIkaWQiOiIyNjg2IiwiQ29sb3IiOnsiJGlkIjoiMjY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I3IiwiRm9ybWF0IjowLCJJc1Zpc2libGUiOmZhbHNlLCJMYXN0S25vd25WaXNpYmlsaXR5U3RhdGUiOmZhbHNlfSwiSXNWaXNpYmxlIjpmYWxzZSwiVmFyaWFuY2VTdHlsZSI6eyIkaWQiOiIyNzI4IiwiVGV4dFN0eWxlIjp7IiRpZCI6IjI3MjkiLCJGb250U2V0dGluZ3MiOnsiJGlkIjoiMjczMCIsIkZvbnRTaXplIjoxMSwiRm9udE5hbWUiOiJDYWxpYnJpIiwiSXNCb2xkIjpmYWxzZSwiSXNJdGFsaWMiOmZhbHNlLCJJc1VuZGVybGluZWQiOmZhbHNlLCJQYXJlbnRTdHlsZSI6bnVsbH0sIkF1dG9TaXplIjowLCJGb3JlZ3JvdW5kIjp7IiRpZCI6IjI3MzEiLCJDb2xvciI6eyIkaWQiOiIyNzM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jYiLCJGb3JtYXQiOjAsIklzVmlzaWJsZSI6ZmFsc2UsIkxhc3RLbm93blZpc2liaWxpdHlTdGF0ZSI6ZmFsc2V9LCJJc1Zpc2libGUiOnRydWUsIlZhcmlhbmNlU3R5bGUiOnsiJGlkIjoiMjc2NyIsIlRleHRTdHlsZSI6eyIkaWQiOiIyNzY4IiwiRm9udFNldHRpbmdzIjp7IiRpZCI6IjI3NjkiLCJGb250U2l6ZSI6MTEsIkZvbnROYW1lIjoiQ2FsaWJyaSIsIklzQm9sZCI6ZmFsc2UsIklzSXRhbGljIjpmYWxzZSwiSXNVbmRlcmxpbmVkIjpmYWxzZSwiUGFyZW50U3R5bGUiOm51bGx9LCJBdXRvU2l6ZSI6MCwiRm9yZWdyb3VuZCI6eyIkaWQiOiIyNzcwIiwiQ29sb3IiOnsiJGlkIjoiMjc3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zYiLCJGb3JtYXQiOjAsIklzVmlzaWJsZSI6ZmFsc2UsIkxhc3RLbm93blZpc2liaWxpdHlTdGF0ZSI6ZmFsc2V9LCJJc1Zpc2libGUiOnRydWUsIlZhcmlhbmNlU3R5bGUiOnsiJGlkIjoiMjg3NyIsIlRleHRTdHlsZSI6eyIkaWQiOiIyODc4IiwiRm9udFNldHRpbmdzIjp7IiRpZCI6IjI4NzkiLCJGb250U2l6ZSI6MTEsIkZvbnROYW1lIjoiQ2FsaWJyaSIsIklzQm9sZCI6ZmFsc2UsIklzSXRhbGljIjpmYWxzZSwiSXNVbmRlcmxpbmVkIjpmYWxzZSwiUGFyZW50U3R5bGUiOm51bGx9LCJBdXRvU2l6ZSI6MCwiRm9yZWdyb3VuZCI6eyIkaWQiOiIyODgwIiwiQ29sb3IiOnsiJGlkIjoiMjg4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QwIiwiRm9ybWF0IjowLCJJc1Zpc2libGUiOmZhbHNlLCJMYXN0S25vd25WaXNpYmlsaXR5U3RhdGUiOmZhbHNlfSwiSXNWaXNpYmxlIjp0cnVlLCJWYXJpYW5jZVN0eWxlIjp7IiRpZCI6IjMwNDEiLCJUZXh0U3R5bGUiOnsiJGlkIjoiMzA0MiIsIkZvbnRTZXR0aW5ncyI6eyIkaWQiOiIzMDQzIiwiRm9udFNpemUiOjExLCJGb250TmFtZSI6IkNhbGlicmkiLCJJc0JvbGQiOmZhbHNlLCJJc0l0YWxpYyI6ZmFsc2UsIklzVW5kZXJsaW5lZCI6ZmFsc2UsIlBhcmVudFN0eWxlIjpudWxsfSwiQXV0b1NpemUiOjAsIkZvcmVncm91bmQiOnsiJGlkIjoiMzA0NCIsIkNvbG9yIjp7IiRpZCI6IjMw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ODUiLCJGb3JtYXQiOjAsIklzVmlzaWJsZSI6ZmFsc2UsIkxhc3RLbm93blZpc2liaWxpdHlTdGF0ZSI6ZmFsc2V9LCJJc1Zpc2libGUiOmZhbHNlLCJWYXJpYW5jZVN0eWxlIjp7IiRpZCI6IjMwODYiLCJUZXh0U3R5bGUiOnsiJGlkIjoiMzA4NyIsIkZvbnRTZXR0aW5ncyI6eyIkaWQiOiIzMDg4IiwiRm9udFNpemUiOjExLCJGb250TmFtZSI6IkNhbGlicmkiLCJJc0JvbGQiOmZhbHNlLCJJc0l0YWxpYyI6ZmFsc2UsIklzVW5kZXJsaW5lZCI6ZmFsc2UsIlBhcmVudFN0eWxlIjpudWxsfSwiQXV0b1NpemUiOjAsIkZvcmVncm91bmQiOnsiJGlkIjoiMzA4OSIsIkNvbG9yIjp7IiRpZCI6IjMwO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I0IiwiRm9ybWF0IjowLCJJc1Zpc2libGUiOmZhbHNlLCJMYXN0S25vd25WaXNpYmlsaXR5U3RhdGUiOmZhbHNlfSwiSXNWaXNpYmxlIjp0cnVlLCJWYXJpYW5jZVN0eWxlIjp7IiRpZCI6IjMxMjUiLCJUZXh0U3R5bGUiOnsiJGlkIjoiMzEyNiIsIkZvbnRTZXR0aW5ncyI6eyIkaWQiOiIzMTI3IiwiRm9udFNpemUiOjExLCJGb250TmFtZSI6IkNhbGlicmkiLCJJc0JvbGQiOmZhbHNlLCJJc0l0YWxpYyI6ZmFsc2UsIklzVW5kZXJsaW5lZCI6ZmFsc2UsIlBhcmVudFN0eWxlIjpudWxsfSwiQXV0b1NpemUiOjAsIkZvcmVncm91bmQiOnsiJGlkIjoiMzEyOCIsIkNvbG9yIjp7IiRpZCI6IjMxM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ExIiwiRm9ybWF0IjowLCJJc1Zpc2libGUiOmZhbHNlLCJMYXN0S25vd25WaXNpYmlsaXR5U3RhdGUiOmZhbHNlfSwiSXNWaXNpYmxlIjp0cnVlLCJWYXJpYW5jZVN0eWxlIjp7IiRpZCI6IjMzMTIiLCJUZXh0U3R5bGUiOnsiJGlkIjoiMzMxMyIsIkZvbnRTZXR0aW5ncyI6eyIkaWQiOiIzMzE0IiwiRm9udFNpemUiOjExLCJGb250TmFtZSI6IkNhbGlicmkiLCJJc0JvbGQiOmZhbHNlLCJJc0l0YWxpYyI6ZmFsc2UsIklzVW5kZXJsaW5lZCI6ZmFsc2UsIlBhcmVudFN0eWxlIjpudWxsfSwiQXV0b1NpemUiOjAsIkZvcmVncm91bmQiOnsiJGlkIjoiMzMxNSIsIkNvbG9yIjp7IiRpZCI6IjMzM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TUiLCJGb3JtYXQiOjAsIklzVmlzaWJsZSI6ZmFsc2UsIkxhc3RLbm93blZpc2liaWxpdHlTdGF0ZSI6ZmFsc2V9LCJJc1Zpc2libGUiOnRydWUsIlZhcmlhbmNlU3R5bGUiOnsiJGlkIjoiMzM1NiIsIlRleHRTdHlsZSI6eyIkaWQiOiIzMzU3IiwiRm9udFNldHRpbmdzIjp7IiRpZCI6IjMzNTgiLCJGb250U2l6ZSI6MTEsIkZvbnROYW1lIjoiQ2FsaWJyaSIsIklzQm9sZCI6ZmFsc2UsIklzSXRhbGljIjpmYWxzZSwiSXNVbmRlcmxpbmVkIjpmYWxzZSwiUGFyZW50U3R5bGUiOm51bGx9LCJBdXRvU2l6ZSI6MCwiRm9yZWdyb3VuZCI6eyIkaWQiOiIzMzU5IiwiQ29sb3IiOnsiJGlkIjoiMzM2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5IiwiRm9ybWF0IjowLCJJc1Zpc2libGUiOmZhbHNlLCJMYXN0S25vd25WaXNpYmlsaXR5U3RhdGUiOmZhbHNlfSwiSXNWaXNpYmxlIjp0cnVlLCJWYXJpYW5jZVN0eWxlIjp7IiRpZCI6IjM0MzAiLCJUZXh0U3R5bGUiOnsiJGlkIjoiMzQzMSIsIkZvbnRTZXR0aW5ncyI6eyIkaWQiOiIzNDMyIiwiRm9udFNpemUiOjExLCJGb250TmFtZSI6IkNhbGlicmkiLCJJc0JvbGQiOmZhbHNlLCJJc0l0YWxpYyI6ZmFsc2UsIklzVW5kZXJsaW5lZCI6ZmFsc2UsIlBhcmVudFN0eWxlIjpudWxsfSwiQXV0b1NpemUiOjAsIkZvcmVncm91bmQiOnsiJGlkIjoiMzQzMyIsIkNvbG9yIjp7IiRpZCI6IjM0M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TgiLCJGb3JtYXQiOjAsIklzVmlzaWJsZSI6ZmFsc2UsIkxhc3RLbm93blZpc2liaWxpdHlTdGF0ZSI6ZmFsc2V9LCJJc1Zpc2libGUiOnRydWUsIlZhcmlhbmNlU3R5bGUiOnsiJGlkIjoiMzU1OSIsIlRleHRTdHlsZSI6eyIkaWQiOiIzNTYwIiwiRm9udFNldHRpbmdzIjp7IiRpZCI6IjM1NjEiLCJGb250U2l6ZSI6MTEsIkZvbnROYW1lIjoiQ2FsaWJyaSIsIklzQm9sZCI6ZmFsc2UsIklzSXRhbGljIjpmYWxzZSwiSXNVbmRlcmxpbmVkIjpmYWxzZSwiUGFyZW50U3R5bGUiOm51bGx9LCJBdXRvU2l6ZSI6MCwiRm9yZWdyb3VuZCI6eyIkaWQiOiIzNTYyIiwiQ29sb3IiOnsiJGlkIjoiMzU2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AzIiwiRm9ybWF0IjowLCJJc1Zpc2libGUiOmZhbHNlLCJMYXN0S25vd25WaXNpYmlsaXR5U3RhdGUiOmZhbHNlfSwiSXNWaXNpYmxlIjp0cnVlLCJWYXJpYW5jZVN0eWxlIjp7IiRpZCI6IjM2MDQiLCJUZXh0U3R5bGUiOnsiJGlkIjoiMzYwNSIsIkZvbnRTZXR0aW5ncyI6eyIkaWQiOiIzNjA2IiwiRm9udFNpemUiOjExLCJGb250TmFtZSI6IkNhbGlicmkiLCJJc0JvbGQiOmZhbHNlLCJJc0l0YWxpYyI6ZmFsc2UsIklzVW5kZXJsaW5lZCI6ZmFsc2UsIlBhcmVudFN0eWxlIjpudWxsfSwiQXV0b1NpemUiOjAsIkZvcmVncm91bmQiOnsiJGlkIjoiMzYwNyIsIkNvbG9yIjp7IiRpZCI6IjM2M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QyIiwiRm9ybWF0IjowLCJJc1Zpc2libGUiOmZhbHNlLCJMYXN0S25vd25WaXNpYmlsaXR5U3RhdGUiOmZhbHNlfSwiSXNWaXNpYmxlIjp0cnVlLCJWYXJpYW5jZVN0eWxlIjp7IiRpZCI6IjM2NDMiLCJUZXh0U3R5bGUiOnsiJGlkIjoiMzY0NCIsIkZvbnRTZXR0aW5ncyI6eyIkaWQiOiIzNjQ1IiwiRm9udFNpemUiOjExLCJGb250TmFtZSI6IkNhbGlicmkiLCJJc0JvbGQiOmZhbHNlLCJJc0l0YWxpYyI6ZmFsc2UsIklzVW5kZXJsaW5lZCI6ZmFsc2UsIlBhcmVudFN0eWxlIjpudWxsfSwiQXV0b1NpemUiOjAsIkZvcmVncm91bmQiOnsiJGlkIjoiMzY0NiIsIkNvbG9yIjp7IiRpZCI6IjM2N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c4IiwiRm9ybWF0IjowLCJJc1Zpc2libGUiOmZhbHNlLCJMYXN0S25vd25WaXNpYmlsaXR5U3RhdGUiOmZhbHNlfSwiSXNWaXNpYmxlIjp0cnVlLCJWYXJpYW5jZVN0eWxlIjp7IiRpZCI6IjM3NzkiLCJUZXh0U3R5bGUiOnsiJGlkIjoiMzc4MCIsIkZvbnRTZXR0aW5ncyI6eyIkaWQiOiIzNzgxIiwiRm9udFNpemUiOjExLCJGb250TmFtZSI6IkNhbGlicmkiLCJJc0JvbGQiOmZhbHNlLCJJc0l0YWxpYyI6ZmFsc2UsIklzVW5kZXJsaW5lZCI6ZmFsc2UsIlBhcmVudFN0eWxlIjpudWxsfSwiQXV0b1NpemUiOjAsIkZvcmVncm91bmQiOnsiJGlkIjoiMzc4MiIsIkNvbG9yIjp7IiRpZCI6IjM3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yMyIsIkZvcm1hdCI6MCwiSXNWaXNpYmxlIjpmYWxzZSwiTGFzdEtub3duVmlzaWJpbGl0eVN0YXRlIjpmYWxzZX0sIklzVmlzaWJsZSI6ZmFsc2UsIlZhcmlhbmNlU3R5bGUiOnsiJGlkIjoiMzgyNCIsIlRleHRTdHlsZSI6eyIkaWQiOiIzODI1IiwiRm9udFNldHRpbmdzIjp7IiRpZCI6IjM4MjYiLCJGb250U2l6ZSI6MTEsIkZvbnROYW1lIjoiQ2FsaWJyaSIsIklzQm9sZCI6ZmFsc2UsIklzSXRhbGljIjpmYWxzZSwiSXNVbmRlcmxpbmVkIjpmYWxzZSwiUGFyZW50U3R5bGUiOm51bGx9LCJBdXRvU2l6ZSI6MCwiRm9yZWdyb3VuZCI6eyIkaWQiOiIzODI3IiwiQ29sb3IiOnsiJGlkIjoiMzg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YyIiwiRm9ybWF0IjowLCJJc1Zpc2libGUiOmZhbHNlLCJMYXN0S25vd25WaXNpYmlsaXR5U3RhdGUiOmZhbHNlfSwiSXNWaXNpYmxlIjp0cnVlLCJWYXJpYW5jZVN0eWxlIjp7IiRpZCI6IjM4NjMiLCJUZXh0U3R5bGUiOnsiJGlkIjoiMzg2NCIsIkZvbnRTZXR0aW5ncyI6eyIkaWQiOiIzODY1IiwiRm9udFNpemUiOjExLCJGb250TmFtZSI6IkNhbGlicmkiLCJJc0JvbGQiOmZhbHNlLCJJc0l0YWxpYyI6ZmFsc2UsIklzVW5kZXJsaW5lZCI6ZmFsc2UsIlBhcmVudFN0eWxlIjpudWxsfSwiQXV0b1NpemUiOjAsIkZvcmVncm91bmQiOnsiJGlkIjoiMzg2NiIsIkNvbG9yIjp7IiRpZCI6IjM4N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OTgiLCJGb3JtYXQiOjAsIklzVmlzaWJsZSI6ZmFsc2UsIkxhc3RLbm93blZpc2liaWxpdHlTdGF0ZSI6ZmFsc2V9LCJJc1Zpc2libGUiOnRydWUsIlZhcmlhbmNlU3R5bGUiOnsiJGlkIjoiMzk5OSIsIlRleHRTdHlsZSI6eyIkaWQiOiI0MDAwIiwiRm9udFNldHRpbmdzIjp7IiRpZCI6IjQwMDEiLCJGb250U2l6ZSI6MTEsIkZvbnROYW1lIjoiQ2FsaWJyaSIsIklzQm9sZCI6ZmFsc2UsIklzSXRhbGljIjpmYWxzZSwiSXNVbmRlcmxpbmVkIjpmYWxzZSwiUGFyZW50U3R5bGUiOm51bGx9LCJBdXRvU2l6ZSI6MCwiRm9yZWdyb3VuZCI6eyIkaWQiOiI0MDAyIiwiQ29sb3IiOnsiJGlkIjoiNDAw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0MyIsIkZvcm1hdCI6MCwiSXNWaXNpYmxlIjpmYWxzZSwiTGFzdEtub3duVmlzaWJpbGl0eVN0YXRlIjpmYWxzZX0sIklzVmlzaWJsZSI6ZmFsc2UsIlZhcmlhbmNlU3R5bGUiOnsiJGlkIjoiNDA0NCIsIlRleHRTdHlsZSI6eyIkaWQiOiI0MDQ1IiwiRm9udFNldHRpbmdzIjp7IiRpZCI6IjQwNDYiLCJGb250U2l6ZSI6MTEsIkZvbnROYW1lIjoiQ2FsaWJyaSIsIklzQm9sZCI6ZmFsc2UsIklzSXRhbGljIjpmYWxzZSwiSXNVbmRlcmxpbmVkIjpmYWxzZSwiUGFyZW50U3R5bGUiOm51bGx9LCJBdXRvU2l6ZSI6MCwiRm9yZWdyb3VuZCI6eyIkaWQiOiI0MDQ3IiwiQ29sb3IiOnsiJGlkIjoiNDA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DIiLCJGb3JtYXQiOjAsIklzVmlzaWJsZSI6ZmFsc2UsIkxhc3RLbm93blZpc2liaWxpdHlTdGF0ZSI6ZmFsc2V9LCJJc1Zpc2libGUiOnRydWUsIlZhcmlhbmNlU3R5bGUiOnsiJGlkIjoiNDA4MyIsIlRleHRTdHlsZSI6eyIkaWQiOiI0MDg0IiwiRm9udFNldHRpbmdzIjp7IiRpZCI6IjQwODUiLCJGb250U2l6ZSI6MTEsIkZvbnROYW1lIjoiQ2FsaWJyaSIsIklzQm9sZCI6ZmFsc2UsIklzSXRhbGljIjpmYWxzZSwiSXNVbmRlcmxpbmVkIjpmYWxzZSwiUGFyZW50U3R5bGUiOm51bGx9LCJBdXRvU2l6ZSI6MCwiRm9yZWdyb3VuZCI6eyIkaWQiOiI0MDg2IiwiQ29sb3IiOnsiJGlkIjoiNDA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MTgiLCJGb3JtYXQiOjAsIklzVmlzaWJsZSI6ZmFsc2UsIkxhc3RLbm93blZpc2liaWxpdHlTdGF0ZSI6ZmFsc2V9LCJJc1Zpc2libGUiOnRydWUsIlZhcmlhbmNlU3R5bGUiOnsiJGlkIjoiNDIxOSIsIlRleHRTdHlsZSI6eyIkaWQiOiI0MjIwIiwiRm9udFNldHRpbmdzIjp7IiRpZCI6IjQyMjEiLCJGb250U2l6ZSI6MTEsIkZvbnROYW1lIjoiQ2FsaWJyaSIsIklzQm9sZCI6ZmFsc2UsIklzSXRhbGljIjpmYWxzZSwiSXNVbmRlcmxpbmVkIjpmYWxzZSwiUGFyZW50U3R5bGUiOm51bGx9LCJBdXRvU2l6ZSI6MCwiRm9yZWdyb3VuZCI6eyIkaWQiOiI0MjIyIiwiQ29sb3IiOnsiJGlkIjoiNDIy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2MyIsIkZvcm1hdCI6MCwiSXNWaXNpYmxlIjpmYWxzZSwiTGFzdEtub3duVmlzaWJpbGl0eVN0YXRlIjpmYWxzZX0sIklzVmlzaWJsZSI6ZmFsc2UsIlZhcmlhbmNlU3R5bGUiOnsiJGlkIjoiNDI2NCIsIlRleHRTdHlsZSI6eyIkaWQiOiI0MjY1IiwiRm9udFNldHRpbmdzIjp7IiRpZCI6IjQyNjYiLCJGb250U2l6ZSI6MTEsIkZvbnROYW1lIjoiQ2FsaWJyaSIsIklzQm9sZCI6ZmFsc2UsIklzSXRhbGljIjpmYWxzZSwiSXNVbmRlcmxpbmVkIjpmYWxzZSwiUGFyZW50U3R5bGUiOm51bGx9LCJBdXRvU2l6ZSI6MCwiRm9yZWdyb3VuZCI6eyIkaWQiOiI0MjY3IiwiQ29sb3IiOnsiJGlkIjoiNDI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AyIiwiRm9ybWF0IjowLCJJc1Zpc2libGUiOmZhbHNlLCJMYXN0S25vd25WaXNpYmlsaXR5U3RhdGUiOmZhbHNlfSwiSXNWaXNpYmxlIjp0cnVlLCJWYXJpYW5jZVN0eWxlIjp7IiRpZCI6IjQzMDMiLCJUZXh0U3R5bGUiOnsiJGlkIjoiNDMwNCIsIkZvbnRTZXR0aW5ncyI6eyIkaWQiOiI0MzA1IiwiRm9udFNpemUiOjExLCJGb250TmFtZSI6IkNhbGlicmkiLCJJc0JvbGQiOmZhbHNlLCJJc0l0YWxpYyI6ZmFsc2UsIklzVW5kZXJsaW5lZCI6ZmFsc2UsIlBhcmVudFN0eWxlIjpudWxsfSwiQXV0b1NpemUiOjAsIkZvcmVncm91bmQiOnsiJGlkIjoiNDMwNiIsIkNvbG9yIjp7IiRpZCI6IjQzM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QzIiwiRm9ybWF0IjowLCJJc1Zpc2libGUiOmZhbHNlLCJMYXN0S25vd25WaXNpYmlsaXR5U3RhdGUiOmZhbHNlfSwiSXNWaXNpYmxlIjp0cnVlLCJWYXJpYW5jZVN0eWxlIjp7IiRpZCI6IjQ0NDQiLCJUZXh0U3R5bGUiOnsiJGlkIjoiNDQ0NSIsIkZvbnRTZXR0aW5ncyI6eyIkaWQiOiI0NDQ2IiwiRm9udFNpemUiOjExLCJGb250TmFtZSI6IkNhbGlicmkiLCJJc0JvbGQiOmZhbHNlLCJJc0l0YWxpYyI6ZmFsc2UsIklzVW5kZXJsaW5lZCI6ZmFsc2UsIlBhcmVudFN0eWxlIjpudWxsfSwiQXV0b1NpemUiOjAsIkZvcmVncm91bmQiOnsiJGlkIjoiNDQ0NyIsIkNvbG9yIjp7IiRpZCI6IjQ0N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5MSIsIkZvcm1hdCI6MCwiSXNWaXNpYmxlIjpmYWxzZSwiTGFzdEtub3duVmlzaWJpbGl0eVN0YXRlIjpmYWxzZX0sIklzVmlzaWJsZSI6dHJ1ZSwiVmFyaWFuY2VTdHlsZSI6eyIkaWQiOiI0NDkyIiwiVGV4dFN0eWxlIjp7IiRpZCI6IjQ0OTMiLCJGb250U2V0dGluZ3MiOnsiJGlkIjoiNDQ5NCIsIkZvbnRTaXplIjoxMSwiRm9udE5hbWUiOiJDYWxpYnJpIiwiSXNCb2xkIjpmYWxzZSwiSXNJdGFsaWMiOmZhbHNlLCJJc1VuZGVybGluZWQiOmZhbHNlLCJQYXJlbnRTdHlsZSI6bnVsbH0sIkF1dG9TaXplIjowLCJGb3JlZ3JvdW5kIjp7IiRpZCI6IjQ0OTUiLCJDb2xvciI6eyIkaWQiOiI0ND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dIn0sIlNldHRpbmdzIjp7IiRpZCI6IjQ1MDciLCJJbXBhT3B0aW9ucyI6eyIkaWQiOiI0NTA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inalize land survey"/>
  <p:tag name="OTLPOSITIONONTASK" val="None"/>
  <p:tag name="OTLRELATEDTASKID" val="00000000-0000-0000-0000-000000000000"/>
  <p:tag name="OTLBASELINEDATE" val="2026-03-03T23:59:00.0000000"/>
  <p:tag name="OTLDATE" val="2026-03-04T00:00:00.0000000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oundation curing and inspections"/>
  <p:tag name="OTLPOSITIONONTASK" val="None"/>
  <p:tag name="OTLRELATEDTASKID" val="00000000-0000-0000-0000-000000000000"/>
  <p:tag name="OTLDATE" val="2026-04-06T23:59:00.0000000"/>
  <p:tag name="OTLBASELINEDATE" val="2026-04-06T23:59:00.0000000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Inspect utility installations"/>
  <p:tag name="OTLPOSITIONONTASK" val="None"/>
  <p:tag name="OTLRELATEDTASKID" val="00000000-0000-0000-0000-000000000000"/>
  <p:tag name="OTLBASELINEDATE" val="2026-06-21T23:59:00.0000000"/>
  <p:tag name="OTLDATE" val="2026-06-24T23:59:00.0000000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handover to client"/>
  <p:tag name="OTLDATE" val="2026-07-09T23:59:00.0000000"/>
  <p:tag name="OTLBASELINEDATE" val="2026-07-09T23:59:00.0000000"/>
  <p:tag name="OTLPOSITIONONTASK" val="None"/>
  <p:tag name="OTLRELATEDTASKID" val="00000000-0000-0000-0000-000000000000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3-01T23:59:00.0000000"/>
  <p:tag name="OTLPOSITIONONTASK" val="None"/>
  <p:tag name="OTLRELATEDTASKID" val="00000000-0000-0000-0000-000000000000"/>
  <p:tag name="OTLBASELINEDATE" val="2026-03-01T23:59:00.0000000"/>
  <p:tag name="OTLMTITLE" val="Site handover to contractor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9721cb8-9e81-4a0b-9770-992ecd6f82b8"/>
  <p:tag name="OTLDEPDESTINATIONID" val="5851ff1b-4a4a-4a92-abe5-9eb83b1f5724"/>
  <p:tag name="OTLDEPENDENCYLAGUNIT" val="Undefined"/>
  <p:tag name="OTLDEPENDENCYLAGVALUE" val="0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851ff1b-4a4a-4a92-abe5-9eb83b1f5724"/>
  <p:tag name="OTLDEPDESTINATIONID" val="012a2c95-52c3-4ed1-a0ee-8eb2890d6f43"/>
  <p:tag name="OTLDEPENDENCYLAGUNIT" val="Undefined"/>
  <p:tag name="OTLDEPENDENCYLAGVALUE" val="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de5e6a2-2f30-4563-b6c9-8b29b1a11f71"/>
  <p:tag name="OTLDEPDESTINATIONID" val="e34c4bd7-b9ed-4ed9-b0ae-10eeb93ec051"/>
  <p:tag name="OTLDEPENDENCYLAGUNIT" val="Undefined"/>
  <p:tag name="OTLDEPENDENCYLAGVALUE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eb322de-1404-4f55-ad0b-0e0b5b50c3c7"/>
  <p:tag name="OTLDEPDESTINATIONID" val="efd2478d-7337-4506-9ab8-582476b8bc7f"/>
  <p:tag name="OTLDEPENDENCYLAGUNIT" val="Undefined"/>
  <p:tag name="OTLDEPENDENCYLAGVALUE" val="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7b10f19-94cb-43ff-abf6-760b95cf6721"/>
  <p:tag name="OTLDEPDESTINATIONID" val="e23bd7a8-2315-4973-a97d-ef62d6961434"/>
  <p:tag name="OTLDEPENDENCYLAGUNIT" val="Undefined"/>
  <p:tag name="OTLDEPENDENCYLAGVALUE" val="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e23bd7a8-2315-4973-a97d-ef62d6961434"/>
  <p:tag name="OTLDEPDESTINATIONID" val="4a79d083-8188-4242-880f-c0ef92ba131a"/>
  <p:tag name="OTLDEPENDENCYLAGUNIT" val="Undefined"/>
  <p:tag name="OTLDEPENDENCYLAGVALUE" val="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7-09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106.010038869627"/>
  <p:tag name="OTLTIMEBANDFYSTARTMONTH" val="January"/>
  <p:tag name="OTLTIMEBANDSHOWFYLABEL" val="True"/>
  <p:tag name="OTLTIMEBANDUSESTARTINGOFTHEYEARFORFYNUMBERING" val="True"/>
  <p:tag name="OTLTIMEBANDRESERVEDLEFTAREAWIDTH" val="74.5389221556869"/>
  <p:tag name="OTLTIMEBANDRESERVEDLEFTAREAISSET" val="True"/>
  <p:tag name="OTLTIMEBANDDEPENABLED" val="Tru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DEPSCHEDULINGMODE" val="Manua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7-09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106.010038869627"/>
  <p:tag name="OTLTIMEBANDFYSTARTMONTH" val="January"/>
  <p:tag name="OTLTIMEBANDSHOWFYLABEL" val="True"/>
  <p:tag name="OTLTIMEBANDUSESTARTINGOFTHEYEARFORFYNUMBERING" val="True"/>
  <p:tag name="OTLTIMEBANDRESERVEDLEFTAREAWIDTH" val="74.5389221556869"/>
  <p:tag name="OTLTIMEBANDRESERVEDLEFTAREAISSET" val="True"/>
  <p:tag name="OTLTIMEBANDDEPENABLED" val="Tru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DEPSCHEDULINGMODE" val="Manua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7-09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106.010038869627"/>
  <p:tag name="OTLTIMEBANDFYSTARTMONTH" val="January"/>
  <p:tag name="OTLTIMEBANDSHOWFYLABEL" val="True"/>
  <p:tag name="OTLTIMEBANDUSESTARTINGOFTHEYEARFORFYNUMBERING" val="True"/>
  <p:tag name="OTLTIMEBANDRESERVEDLEFTAREAWIDTH" val="74.5389221556869"/>
  <p:tag name="OTLTIMEBANDRESERVEDLEFTAREAISSET" val="True"/>
  <p:tag name="OTLTIMEBANDDEPENABLED" val="Tru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DEPSCHEDULINGMODE" val="Manua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1T00:00:00.0000000"/>
  <p:tag name="OTLENDDATE" val="2026-03-03T23:59:00.0000000"/>
  <p:tag name="OTLBASELINESTARTDATE" val="2026-03-01T00:00:00.0000000"/>
  <p:tag name="OTLPERCENTAGE" val="0"/>
  <p:tag name="OTLDURATIONFORMAT" val="day"/>
  <p:tag name="OTLSPACING" val="3"/>
  <p:tag name="OTLSHAPETHICKNESSTYPE" val="Thin"/>
  <p:tag name="OTLBASELINEENDDATE" val="2026-03-03T23:59:00.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6T00:00:00.0000000"/>
  <p:tag name="OTLENDDATE" val="2026-03-16T23:59:00.0000000"/>
  <p:tag name="OTLBASELINESTARTDATE" val="2026-03-06T00:00:00.0000000"/>
  <p:tag name="OTLPERCENTAGE" val="0"/>
  <p:tag name="OTLDURATIONFORMAT" val="day"/>
  <p:tag name="OTLSPACING" val="3"/>
  <p:tag name="OTLSHAPETHICKNESSTYPE" val="Thin"/>
  <p:tag name="OTLBASELINEENDDATE" val="2026-03-16T23:59:00.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BASELINESTARTDATE" val="2026-03-16T00:00:00.0000000"/>
  <p:tag name="OTLPERCENTAGE" val="0"/>
  <p:tag name="OTLDURATIONFORMAT" val="day"/>
  <p:tag name="OTLSPACING" val="3"/>
  <p:tag name="OTLSHAPETHICKNESSTYPE" val="Thin"/>
  <p:tag name="OTLBASELINEENDDATE" val="2026-03-21T23:59:00.0000000"/>
  <p:tag name="OTLSTARTDATE" val="2026-03-17T00:00:00.0000000Z"/>
  <p:tag name="OTLENDDATE" val="2026-03-23T23:59:00.0000000Z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21T00:00:00.0000000"/>
  <p:tag name="OTLENDDATE" val="2026-04-05T23:59:00.0000000"/>
  <p:tag name="OTLBASELINESTARTDATE" val="2026-03-21T00:00:00.0000000"/>
  <p:tag name="OTLPERCENTAGE" val="0"/>
  <p:tag name="OTLDURATIONFORMAT" val="day"/>
  <p:tag name="OTLSPACING" val="3"/>
  <p:tag name="OTLSHAPETHICKNESSTYPE" val="Thin"/>
  <p:tag name="OTLBASELINEENDDATE" val="2026-04-05T23:59:00.000000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4-10T00:00:00.0000000"/>
  <p:tag name="OTLENDDATE" val="2026-04-15T23:59:00.0000000"/>
  <p:tag name="OTLBASELINESTARTDATE" val="2026-04-10T00:00:00.0000000"/>
  <p:tag name="OTLPERCENTAGE" val="0"/>
  <p:tag name="OTLDURATIONFORMAT" val="day"/>
  <p:tag name="OTLSPACING" val="3"/>
  <p:tag name="OTLSHAPETHICKNESSTYPE" val="Thin"/>
  <p:tag name="OTLBASELINEENDDATE" val="2026-04-15T23:59:00.0000000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BASELINESTARTDATE" val="2026-04-15T00:00:00.0000000"/>
  <p:tag name="OTLPERCENTAGE" val="0"/>
  <p:tag name="OTLDURATIONFORMAT" val="day"/>
  <p:tag name="OTLSPACING" val="3"/>
  <p:tag name="OTLSHAPETHICKNESSTYPE" val="Thin"/>
  <p:tag name="OTLBASELINEENDDATE" val="2026-04-25T23:59:00.0000000"/>
  <p:tag name="OTLSTARTDATE" val="2026-04-16T00:00:00.0000000Z"/>
  <p:tag name="OTLENDDATE" val="2026-04-27T23:59:00.0000000Z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4-25T00:00:00.0000000"/>
  <p:tag name="OTLENDDATE" val="2026-05-05T23:59:00.0000000"/>
  <p:tag name="OTLBASELINESTARTDATE" val="2026-04-25T00:00:00.0000000"/>
  <p:tag name="OTLPERCENTAGE" val="0"/>
  <p:tag name="OTLDURATIONFORMAT" val="day"/>
  <p:tag name="OTLSPACING" val="3"/>
  <p:tag name="OTLSHAPETHICKNESSTYPE" val="Thin"/>
  <p:tag name="OTLBASELINEENDDATE" val="2026-05-05T23:59:00.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BASELINESTARTDATE" val="2026-05-05T00:00:00.0000000"/>
  <p:tag name="OTLPERCENTAGE" val="0"/>
  <p:tag name="OTLDURATIONFORMAT" val="day"/>
  <p:tag name="OTLSPACING" val="3"/>
  <p:tag name="OTLSHAPETHICKNESSTYPE" val="Thin"/>
  <p:tag name="OTLBASELINEENDDATE" val="2026-05-15T23:59:00.0000000"/>
  <p:tag name="OTLSTARTDATE" val="2026-05-06T00:00:00.0000000Z"/>
  <p:tag name="OTLENDDATE" val="2026-05-18T23:59:00.0000000Z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5-15T00:00:00.0000000"/>
  <p:tag name="OTLENDDATE" val="2026-06-04T23:59:00.0000000"/>
  <p:tag name="OTLBASELINESTARTDATE" val="2026-05-15T00:00:00.0000000"/>
  <p:tag name="OTLPERCENTAGE" val="0"/>
  <p:tag name="OTLDURATIONFORMAT" val="day"/>
  <p:tag name="OTLSPACING" val="3"/>
  <p:tag name="OTLSHAPETHICKNESSTYPE" val="Thin"/>
  <p:tag name="OTLBASELINEENDDATE" val="2026-06-04T23:59:00.000000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04T00:00:00.0000000"/>
  <p:tag name="OTLENDDATE" val="2026-06-10T23:59:00.0000000"/>
  <p:tag name="OTLBASELINESTARTDATE" val="2026-06-04T00:00:00.0000000"/>
  <p:tag name="OTLPERCENTAGE" val="0"/>
  <p:tag name="OTLDURATIONFORMAT" val="day"/>
  <p:tag name="OTLSPACING" val="3"/>
  <p:tag name="OTLSHAPETHICKNESSTYPE" val="Thin"/>
  <p:tag name="OTLBASELINEENDDATE" val="2026-06-10T23:59:00.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10T00:00:00.0000000"/>
  <p:tag name="OTLBASELINESTARTDATE" val="2026-06-10T00:00:00.0000000"/>
  <p:tag name="OTLPERCENTAGE" val="0"/>
  <p:tag name="OTLDURATIONFORMAT" val="day"/>
  <p:tag name="OTLSPACING" val="3"/>
  <p:tag name="OTLSHAPETHICKNESSTYPE" val="Thin"/>
  <p:tag name="OTLBASELINEENDDATE" val="2026-06-20T23:59:00.0000000"/>
  <p:tag name="OTLENDDATE" val="2026-06-23T23:59:00.000000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29T00:00:00.0000000"/>
  <p:tag name="OTLENDDATE" val="2026-07-05T23:59:00.0000000"/>
  <p:tag name="OTLBASELINESTARTDATE" val="2026-06-29T00:00:00.0000000"/>
  <p:tag name="OTLPERCENTAGE" val="0"/>
  <p:tag name="OTLDURATIONFORMAT" val="day"/>
  <p:tag name="OTLSPACING" val="3"/>
  <p:tag name="OTLSHAPETHICKNESSTYPE" val="Thin"/>
  <p:tag name="OTLBASELINEENDDATE" val="2026-07-05T23:59:00.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70</Words>
  <Application>Microsoft Office PowerPoint</Application>
  <PresentationFormat>Widescreen</PresentationFormat>
  <Paragraphs>120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ptos</vt:lpstr>
      <vt:lpstr>Aptos Display</vt:lpstr>
      <vt:lpstr>Arial</vt:lpstr>
      <vt:lpstr>Calibri</vt:lpstr>
      <vt:lpstr>Montserrat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6-03-03T13:28:24Z</dcterms:created>
  <dcterms:modified xsi:type="dcterms:W3CDTF">2026-03-04T12:02:49Z</dcterms:modified>
</cp:coreProperties>
</file>